
<file path=[Content_Types].xml><?xml version="1.0" encoding="utf-8"?>
<Types xmlns="http://schemas.openxmlformats.org/package/2006/content-types">
  <Default Extension="bin" ContentType="image/svg+xml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media/image17.bin" ContentType="image/png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2"/>
  </p:sldMasterIdLst>
  <p:notesMasterIdLst>
    <p:notesMasterId r:id="rId15"/>
  </p:notesMasterIdLst>
  <p:handoutMasterIdLst>
    <p:handoutMasterId r:id="rId16"/>
  </p:handoutMasterIdLst>
  <p:sldIdLst>
    <p:sldId id="2147470972" r:id="rId13"/>
    <p:sldId id="2147470973" r:id="rId14"/>
  </p:sldIdLst>
  <p:sldSz cx="12195175" cy="6858000"/>
  <p:notesSz cx="6858000" cy="9144000"/>
  <p:embeddedFontLst>
    <p:embeddedFont>
      <p:font typeface="Arial Black" panose="020B0A04020102020204" pitchFamily="34" charset="0"/>
      <p:bold r:id="rId17"/>
    </p:embeddedFont>
  </p:embeddedFontLst>
  <p:custDataLst>
    <p:tags r:id="rId18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B2986"/>
    <a:srgbClr val="1A57D2"/>
    <a:srgbClr val="D4EAFC"/>
    <a:srgbClr val="0FAAFF"/>
    <a:srgbClr val="0179F5"/>
    <a:srgbClr val="002986"/>
    <a:srgbClr val="510080"/>
    <a:srgbClr val="A101C2"/>
    <a:srgbClr val="BDEA86"/>
    <a:srgbClr val="5DC22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8370" autoAdjust="0"/>
    <p:restoredTop sz="93197" autoAdjust="0"/>
  </p:normalViewPr>
  <p:slideViewPr>
    <p:cSldViewPr snapToGrid="0" showGuides="1">
      <p:cViewPr varScale="1">
        <p:scale>
          <a:sx n="65" d="100"/>
          <a:sy n="65" d="100"/>
        </p:scale>
        <p:origin x="1206" y="60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font" Target="fonts/font1.fntdata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23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llican, Karla" userId="7cb71ed0-59ab-4f9c-9ad8-6563e1f3df30" providerId="ADAL" clId="{0A8B7A06-9D15-4077-9C85-F5B92C794C1F}"/>
    <pc:docChg chg="custSel delSld modSld sldOrd">
      <pc:chgData name="Millican, Karla" userId="7cb71ed0-59ab-4f9c-9ad8-6563e1f3df30" providerId="ADAL" clId="{0A8B7A06-9D15-4077-9C85-F5B92C794C1F}" dt="2023-10-10T15:38:16.632" v="57" actId="164"/>
      <pc:docMkLst>
        <pc:docMk/>
      </pc:docMkLst>
      <pc:sldChg chg="addSp modSp mod modNotesTx">
        <pc:chgData name="Millican, Karla" userId="7cb71ed0-59ab-4f9c-9ad8-6563e1f3df30" providerId="ADAL" clId="{0A8B7A06-9D15-4077-9C85-F5B92C794C1F}" dt="2023-10-10T15:38:16.632" v="57" actId="164"/>
        <pc:sldMkLst>
          <pc:docMk/>
          <pc:sldMk cId="258331645" sldId="2147482867"/>
        </pc:sldMkLst>
        <pc:spChg chg="mod">
          <ac:chgData name="Millican, Karla" userId="7cb71ed0-59ab-4f9c-9ad8-6563e1f3df30" providerId="ADAL" clId="{0A8B7A06-9D15-4077-9C85-F5B92C794C1F}" dt="2023-10-10T15:37:10.261" v="29" actId="20577"/>
          <ac:spMkLst>
            <pc:docMk/>
            <pc:sldMk cId="258331645" sldId="2147482867"/>
            <ac:spMk id="25" creationId="{5A00F886-A637-36AB-7C85-6E22B5C25F59}"/>
          </ac:spMkLst>
        </pc:spChg>
        <pc:grpChg chg="add mod">
          <ac:chgData name="Millican, Karla" userId="7cb71ed0-59ab-4f9c-9ad8-6563e1f3df30" providerId="ADAL" clId="{0A8B7A06-9D15-4077-9C85-F5B92C794C1F}" dt="2023-10-10T15:38:16.632" v="57" actId="164"/>
          <ac:grpSpMkLst>
            <pc:docMk/>
            <pc:sldMk cId="258331645" sldId="2147482867"/>
            <ac:grpSpMk id="11" creationId="{4D522497-09D4-F94B-33FC-8B73FC349A8A}"/>
          </ac:grpSpMkLst>
        </pc:grpChg>
        <pc:picChg chg="add mod modCrop">
          <ac:chgData name="Millican, Karla" userId="7cb71ed0-59ab-4f9c-9ad8-6563e1f3df30" providerId="ADAL" clId="{0A8B7A06-9D15-4077-9C85-F5B92C794C1F}" dt="2023-10-10T15:38:16.632" v="57" actId="164"/>
          <ac:picMkLst>
            <pc:docMk/>
            <pc:sldMk cId="258331645" sldId="2147482867"/>
            <ac:picMk id="10" creationId="{8148284A-4824-3D7F-5156-5B486910A8C3}"/>
          </ac:picMkLst>
        </pc:picChg>
        <pc:picChg chg="mod">
          <ac:chgData name="Millican, Karla" userId="7cb71ed0-59ab-4f9c-9ad8-6563e1f3df30" providerId="ADAL" clId="{0A8B7A06-9D15-4077-9C85-F5B92C794C1F}" dt="2023-10-10T15:38:16.632" v="57" actId="164"/>
          <ac:picMkLst>
            <pc:docMk/>
            <pc:sldMk cId="258331645" sldId="2147482867"/>
            <ac:picMk id="41" creationId="{DB346949-C7A1-D048-C411-794660997A01}"/>
          </ac:picMkLst>
        </pc:picChg>
      </pc:sldChg>
      <pc:sldChg chg="del">
        <pc:chgData name="Millican, Karla" userId="7cb71ed0-59ab-4f9c-9ad8-6563e1f3df30" providerId="ADAL" clId="{0A8B7A06-9D15-4077-9C85-F5B92C794C1F}" dt="2023-10-10T15:36:46.674" v="4" actId="47"/>
        <pc:sldMkLst>
          <pc:docMk/>
          <pc:sldMk cId="2012657203" sldId="2147483624"/>
        </pc:sldMkLst>
      </pc:sldChg>
      <pc:sldChg chg="del">
        <pc:chgData name="Millican, Karla" userId="7cb71ed0-59ab-4f9c-9ad8-6563e1f3df30" providerId="ADAL" clId="{0A8B7A06-9D15-4077-9C85-F5B92C794C1F}" dt="2023-10-10T15:36:28.379" v="2" actId="2696"/>
        <pc:sldMkLst>
          <pc:docMk/>
          <pc:sldMk cId="1924025613" sldId="2147483628"/>
        </pc:sldMkLst>
      </pc:sldChg>
      <pc:sldChg chg="mod ord modShow">
        <pc:chgData name="Millican, Karla" userId="7cb71ed0-59ab-4f9c-9ad8-6563e1f3df30" providerId="ADAL" clId="{0A8B7A06-9D15-4077-9C85-F5B92C794C1F}" dt="2023-10-10T15:36:31.768" v="3" actId="729"/>
        <pc:sldMkLst>
          <pc:docMk/>
          <pc:sldMk cId="395387337" sldId="2147483635"/>
        </pc:sldMkLst>
      </pc:sldChg>
      <pc:sldMasterChg chg="delSldLayout">
        <pc:chgData name="Millican, Karla" userId="7cb71ed0-59ab-4f9c-9ad8-6563e1f3df30" providerId="ADAL" clId="{0A8B7A06-9D15-4077-9C85-F5B92C794C1F}" dt="2023-10-10T15:36:46.674" v="4" actId="47"/>
        <pc:sldMasterMkLst>
          <pc:docMk/>
          <pc:sldMasterMk cId="3408294523" sldId="2147483733"/>
        </pc:sldMasterMkLst>
        <pc:sldLayoutChg chg="del">
          <pc:chgData name="Millican, Karla" userId="7cb71ed0-59ab-4f9c-9ad8-6563e1f3df30" providerId="ADAL" clId="{0A8B7A06-9D15-4077-9C85-F5B92C794C1F}" dt="2023-10-10T15:36:46.674" v="4" actId="47"/>
          <pc:sldLayoutMkLst>
            <pc:docMk/>
            <pc:sldMasterMk cId="3408294523" sldId="2147483733"/>
            <pc:sldLayoutMk cId="2491333834" sldId="2147483785"/>
          </pc:sldLayoutMkLst>
        </pc:sldLayoutChg>
      </pc:sldMasterChg>
    </pc:docChg>
  </pc:docChgLst>
  <pc:docChgLst>
    <pc:chgData name="Qiu, Robin" userId="b1d0e5e6-e167-4024-99ed-60324cbd6662" providerId="ADAL" clId="{D3471CDE-C402-A547-8B08-FD493C5A3E84}"/>
    <pc:docChg chg="modSld modMainMaster">
      <pc:chgData name="Qiu, Robin" userId="b1d0e5e6-e167-4024-99ed-60324cbd6662" providerId="ADAL" clId="{D3471CDE-C402-A547-8B08-FD493C5A3E84}" dt="2023-10-23T13:43:27.840" v="31" actId="20577"/>
      <pc:docMkLst>
        <pc:docMk/>
      </pc:docMkLst>
      <pc:sldChg chg="modSp mod">
        <pc:chgData name="Qiu, Robin" userId="b1d0e5e6-e167-4024-99ed-60324cbd6662" providerId="ADAL" clId="{D3471CDE-C402-A547-8B08-FD493C5A3E84}" dt="2023-10-23T13:43:27.840" v="31" actId="20577"/>
        <pc:sldMkLst>
          <pc:docMk/>
          <pc:sldMk cId="907328820" sldId="2147470972"/>
        </pc:sldMkLst>
        <pc:spChg chg="mod">
          <ac:chgData name="Qiu, Robin" userId="b1d0e5e6-e167-4024-99ed-60324cbd6662" providerId="ADAL" clId="{D3471CDE-C402-A547-8B08-FD493C5A3E84}" dt="2023-10-23T13:43:27.840" v="31" actId="20577"/>
          <ac:spMkLst>
            <pc:docMk/>
            <pc:sldMk cId="907328820" sldId="2147470972"/>
            <ac:spMk id="2" creationId="{CCE3D15A-CD95-401E-A86C-C920DE6F7070}"/>
          </ac:spMkLst>
        </pc:spChg>
      </pc:sldChg>
      <pc:sldMasterChg chg="modSp mod">
        <pc:chgData name="Qiu, Robin" userId="b1d0e5e6-e167-4024-99ed-60324cbd6662" providerId="ADAL" clId="{D3471CDE-C402-A547-8B08-FD493C5A3E84}" dt="2023-10-16T12:34:38.881" v="7" actId="20577"/>
        <pc:sldMasterMkLst>
          <pc:docMk/>
          <pc:sldMasterMk cId="3408294523" sldId="2147483733"/>
        </pc:sldMasterMkLst>
        <pc:spChg chg="mod">
          <ac:chgData name="Qiu, Robin" userId="b1d0e5e6-e167-4024-99ed-60324cbd6662" providerId="ADAL" clId="{D3471CDE-C402-A547-8B08-FD493C5A3E84}" dt="2023-10-16T12:34:38.881" v="7" actId="20577"/>
          <ac:spMkLst>
            <pc:docMk/>
            <pc:sldMasterMk cId="3408294523" sldId="2147483733"/>
            <ac:spMk id="12" creationId="{539D88F9-B48F-F143-B90F-EDFB85A350E8}"/>
          </ac:spMkLst>
        </pc:spChg>
      </pc:sldMasterChg>
    </pc:docChg>
  </pc:docChgLst>
  <pc:docChgLst>
    <pc:chgData name="Millican, Karla" userId="7cb71ed0-59ab-4f9c-9ad8-6563e1f3df30" providerId="ADAL" clId="{28DEAEB1-88A0-476E-8D94-732F038E0046}"/>
    <pc:docChg chg="undo redo custSel addSld delSld modSld sldOrd">
      <pc:chgData name="Millican, Karla" userId="7cb71ed0-59ab-4f9c-9ad8-6563e1f3df30" providerId="ADAL" clId="{28DEAEB1-88A0-476E-8D94-732F038E0046}" dt="2023-10-10T08:00:05.496" v="803" actId="47"/>
      <pc:docMkLst>
        <pc:docMk/>
      </pc:docMkLst>
      <pc:sldChg chg="del ord">
        <pc:chgData name="Millican, Karla" userId="7cb71ed0-59ab-4f9c-9ad8-6563e1f3df30" providerId="ADAL" clId="{28DEAEB1-88A0-476E-8D94-732F038E0046}" dt="2023-10-10T08:00:03.721" v="802" actId="47"/>
        <pc:sldMkLst>
          <pc:docMk/>
          <pc:sldMk cId="3602749482" sldId="364"/>
        </pc:sldMkLst>
      </pc:sldChg>
      <pc:sldChg chg="del mod ord modShow">
        <pc:chgData name="Millican, Karla" userId="7cb71ed0-59ab-4f9c-9ad8-6563e1f3df30" providerId="ADAL" clId="{28DEAEB1-88A0-476E-8D94-732F038E0046}" dt="2023-10-10T08:00:05.496" v="803" actId="47"/>
        <pc:sldMkLst>
          <pc:docMk/>
          <pc:sldMk cId="464063816" sldId="2147478926"/>
        </pc:sldMkLst>
      </pc:sldChg>
      <pc:sldChg chg="modSp mod ord">
        <pc:chgData name="Millican, Karla" userId="7cb71ed0-59ab-4f9c-9ad8-6563e1f3df30" providerId="ADAL" clId="{28DEAEB1-88A0-476E-8D94-732F038E0046}" dt="2023-10-09T15:53:45.695" v="717"/>
        <pc:sldMkLst>
          <pc:docMk/>
          <pc:sldMk cId="258331645" sldId="2147482867"/>
        </pc:sldMkLst>
        <pc:spChg chg="mod">
          <ac:chgData name="Millican, Karla" userId="7cb71ed0-59ab-4f9c-9ad8-6563e1f3df30" providerId="ADAL" clId="{28DEAEB1-88A0-476E-8D94-732F038E0046}" dt="2023-10-09T15:32:39.179" v="630" actId="20577"/>
          <ac:spMkLst>
            <pc:docMk/>
            <pc:sldMk cId="258331645" sldId="2147482867"/>
            <ac:spMk id="42" creationId="{1F944867-474D-C51F-B292-EB8440F92878}"/>
          </ac:spMkLst>
        </pc:spChg>
      </pc:sldChg>
      <pc:sldChg chg="add del modNotesTx">
        <pc:chgData name="Millican, Karla" userId="7cb71ed0-59ab-4f9c-9ad8-6563e1f3df30" providerId="ADAL" clId="{28DEAEB1-88A0-476E-8D94-732F038E0046}" dt="2023-10-10T08:00:01.272" v="801" actId="47"/>
        <pc:sldMkLst>
          <pc:docMk/>
          <pc:sldMk cId="1917811212" sldId="2147483201"/>
        </pc:sldMkLst>
      </pc:sldChg>
      <pc:sldChg chg="addSp modSp mod">
        <pc:chgData name="Millican, Karla" userId="7cb71ed0-59ab-4f9c-9ad8-6563e1f3df30" providerId="ADAL" clId="{28DEAEB1-88A0-476E-8D94-732F038E0046}" dt="2023-10-09T11:17:38.190" v="434" actId="20577"/>
        <pc:sldMkLst>
          <pc:docMk/>
          <pc:sldMk cId="271486372" sldId="2147483621"/>
        </pc:sldMkLst>
        <pc:spChg chg="add mod">
          <ac:chgData name="Millican, Karla" userId="7cb71ed0-59ab-4f9c-9ad8-6563e1f3df30" providerId="ADAL" clId="{28DEAEB1-88A0-476E-8D94-732F038E0046}" dt="2023-10-09T11:17:38.190" v="434" actId="20577"/>
          <ac:spMkLst>
            <pc:docMk/>
            <pc:sldMk cId="271486372" sldId="2147483621"/>
            <ac:spMk id="4" creationId="{48A5707A-005F-AFBC-5E7B-3F3A530F124F}"/>
          </ac:spMkLst>
        </pc:spChg>
        <pc:spChg chg="mod">
          <ac:chgData name="Millican, Karla" userId="7cb71ed0-59ab-4f9c-9ad8-6563e1f3df30" providerId="ADAL" clId="{28DEAEB1-88A0-476E-8D94-732F038E0046}" dt="2023-10-09T09:57:21.067" v="30" actId="207"/>
          <ac:spMkLst>
            <pc:docMk/>
            <pc:sldMk cId="271486372" sldId="2147483621"/>
            <ac:spMk id="14" creationId="{9C523B21-70CD-7FF7-7AD0-47554FEA2C52}"/>
          </ac:spMkLst>
        </pc:spChg>
        <pc:spChg chg="mod">
          <ac:chgData name="Millican, Karla" userId="7cb71ed0-59ab-4f9c-9ad8-6563e1f3df30" providerId="ADAL" clId="{28DEAEB1-88A0-476E-8D94-732F038E0046}" dt="2023-10-09T09:58:07.547" v="60" actId="21"/>
          <ac:spMkLst>
            <pc:docMk/>
            <pc:sldMk cId="271486372" sldId="2147483621"/>
            <ac:spMk id="19" creationId="{D21CCB63-1FC6-3B7B-8A7B-6C60459FA36E}"/>
          </ac:spMkLst>
        </pc:spChg>
        <pc:spChg chg="mod">
          <ac:chgData name="Millican, Karla" userId="7cb71ed0-59ab-4f9c-9ad8-6563e1f3df30" providerId="ADAL" clId="{28DEAEB1-88A0-476E-8D94-732F038E0046}" dt="2023-10-09T09:58:27.375" v="66" actId="20577"/>
          <ac:spMkLst>
            <pc:docMk/>
            <pc:sldMk cId="271486372" sldId="2147483621"/>
            <ac:spMk id="20" creationId="{9AE50E31-BE9F-E795-D2E5-F3EB23CD52DE}"/>
          </ac:spMkLst>
        </pc:spChg>
        <pc:spChg chg="mod">
          <ac:chgData name="Millican, Karla" userId="7cb71ed0-59ab-4f9c-9ad8-6563e1f3df30" providerId="ADAL" clId="{28DEAEB1-88A0-476E-8D94-732F038E0046}" dt="2023-10-09T09:57:54.369" v="58" actId="20577"/>
          <ac:spMkLst>
            <pc:docMk/>
            <pc:sldMk cId="271486372" sldId="2147483621"/>
            <ac:spMk id="25" creationId="{5662634F-D4C5-312B-D312-24CE492213D7}"/>
          </ac:spMkLst>
        </pc:spChg>
        <pc:spChg chg="mod">
          <ac:chgData name="Millican, Karla" userId="7cb71ed0-59ab-4f9c-9ad8-6563e1f3df30" providerId="ADAL" clId="{28DEAEB1-88A0-476E-8D94-732F038E0046}" dt="2023-10-09T09:56:33.244" v="10" actId="1038"/>
          <ac:spMkLst>
            <pc:docMk/>
            <pc:sldMk cId="271486372" sldId="2147483621"/>
            <ac:spMk id="35" creationId="{C5A471DD-2821-3D83-FDA2-A63EB9E333CE}"/>
          </ac:spMkLst>
        </pc:spChg>
      </pc:sldChg>
      <pc:sldChg chg="del ord">
        <pc:chgData name="Millican, Karla" userId="7cb71ed0-59ab-4f9c-9ad8-6563e1f3df30" providerId="ADAL" clId="{28DEAEB1-88A0-476E-8D94-732F038E0046}" dt="2023-10-09T12:05:33.888" v="435" actId="2696"/>
        <pc:sldMkLst>
          <pc:docMk/>
          <pc:sldMk cId="1511957675" sldId="2147483624"/>
        </pc:sldMkLst>
      </pc:sldChg>
      <pc:sldChg chg="add">
        <pc:chgData name="Millican, Karla" userId="7cb71ed0-59ab-4f9c-9ad8-6563e1f3df30" providerId="ADAL" clId="{28DEAEB1-88A0-476E-8D94-732F038E0046}" dt="2023-10-09T12:05:38.177" v="436"/>
        <pc:sldMkLst>
          <pc:docMk/>
          <pc:sldMk cId="2012657203" sldId="2147483624"/>
        </pc:sldMkLst>
      </pc:sldChg>
      <pc:sldChg chg="modSp mod">
        <pc:chgData name="Millican, Karla" userId="7cb71ed0-59ab-4f9c-9ad8-6563e1f3df30" providerId="ADAL" clId="{28DEAEB1-88A0-476E-8D94-732F038E0046}" dt="2023-10-09T15:33:26.927" v="635" actId="20577"/>
        <pc:sldMkLst>
          <pc:docMk/>
          <pc:sldMk cId="2601097485" sldId="2147483626"/>
        </pc:sldMkLst>
        <pc:spChg chg="mod">
          <ac:chgData name="Millican, Karla" userId="7cb71ed0-59ab-4f9c-9ad8-6563e1f3df30" providerId="ADAL" clId="{28DEAEB1-88A0-476E-8D94-732F038E0046}" dt="2023-10-09T15:33:26.927" v="635" actId="20577"/>
          <ac:spMkLst>
            <pc:docMk/>
            <pc:sldMk cId="2601097485" sldId="2147483626"/>
            <ac:spMk id="11" creationId="{63AF67E0-2ABC-A834-7535-69265EE5190F}"/>
          </ac:spMkLst>
        </pc:spChg>
      </pc:sldChg>
      <pc:sldChg chg="delSp modSp mod">
        <pc:chgData name="Millican, Karla" userId="7cb71ed0-59ab-4f9c-9ad8-6563e1f3df30" providerId="ADAL" clId="{28DEAEB1-88A0-476E-8D94-732F038E0046}" dt="2023-10-09T15:32:56.746" v="631" actId="1076"/>
        <pc:sldMkLst>
          <pc:docMk/>
          <pc:sldMk cId="1924025613" sldId="2147483628"/>
        </pc:sldMkLst>
        <pc:spChg chg="mod">
          <ac:chgData name="Millican, Karla" userId="7cb71ed0-59ab-4f9c-9ad8-6563e1f3df30" providerId="ADAL" clId="{28DEAEB1-88A0-476E-8D94-732F038E0046}" dt="2023-10-09T10:18:10.724" v="69" actId="20577"/>
          <ac:spMkLst>
            <pc:docMk/>
            <pc:sldMk cId="1924025613" sldId="2147483628"/>
            <ac:spMk id="6" creationId="{00000000-0000-0000-0000-000000000000}"/>
          </ac:spMkLst>
        </pc:spChg>
        <pc:spChg chg="mod">
          <ac:chgData name="Millican, Karla" userId="7cb71ed0-59ab-4f9c-9ad8-6563e1f3df30" providerId="ADAL" clId="{28DEAEB1-88A0-476E-8D94-732F038E0046}" dt="2023-10-09T15:32:56.746" v="631" actId="1076"/>
          <ac:spMkLst>
            <pc:docMk/>
            <pc:sldMk cId="1924025613" sldId="2147483628"/>
            <ac:spMk id="9" creationId="{B4021350-B9BF-4CAA-AF47-BD7BFD28870A}"/>
          </ac:spMkLst>
        </pc:spChg>
        <pc:spChg chg="del">
          <ac:chgData name="Millican, Karla" userId="7cb71ed0-59ab-4f9c-9ad8-6563e1f3df30" providerId="ADAL" clId="{28DEAEB1-88A0-476E-8D94-732F038E0046}" dt="2023-10-09T12:32:33.068" v="555" actId="478"/>
          <ac:spMkLst>
            <pc:docMk/>
            <pc:sldMk cId="1924025613" sldId="2147483628"/>
            <ac:spMk id="15" creationId="{DEC8FDAF-BAB6-95BD-3891-A7C6A2098B7A}"/>
          </ac:spMkLst>
        </pc:spChg>
        <pc:spChg chg="del">
          <ac:chgData name="Millican, Karla" userId="7cb71ed0-59ab-4f9c-9ad8-6563e1f3df30" providerId="ADAL" clId="{28DEAEB1-88A0-476E-8D94-732F038E0046}" dt="2023-10-09T12:32:33.068" v="555" actId="478"/>
          <ac:spMkLst>
            <pc:docMk/>
            <pc:sldMk cId="1924025613" sldId="2147483628"/>
            <ac:spMk id="16" creationId="{C51E675B-5A79-D7B8-7938-172EAEC13364}"/>
          </ac:spMkLst>
        </pc:spChg>
      </pc:sldChg>
      <pc:sldChg chg="addSp modSp new del mod modClrScheme chgLayout">
        <pc:chgData name="Millican, Karla" userId="7cb71ed0-59ab-4f9c-9ad8-6563e1f3df30" providerId="ADAL" clId="{28DEAEB1-88A0-476E-8D94-732F038E0046}" dt="2023-10-09T15:33:46.165" v="636" actId="47"/>
        <pc:sldMkLst>
          <pc:docMk/>
          <pc:sldMk cId="867825026" sldId="2147483629"/>
        </pc:sldMkLst>
        <pc:spChg chg="add mod">
          <ac:chgData name="Millican, Karla" userId="7cb71ed0-59ab-4f9c-9ad8-6563e1f3df30" providerId="ADAL" clId="{28DEAEB1-88A0-476E-8D94-732F038E0046}" dt="2023-10-09T10:38:21.758" v="327" actId="5793"/>
          <ac:spMkLst>
            <pc:docMk/>
            <pc:sldMk cId="867825026" sldId="2147483629"/>
            <ac:spMk id="2" creationId="{C9366897-E466-3555-F20A-DCA8816401B6}"/>
          </ac:spMkLst>
        </pc:spChg>
      </pc:sldChg>
      <pc:sldChg chg="addSp modSp add mod">
        <pc:chgData name="Millican, Karla" userId="7cb71ed0-59ab-4f9c-9ad8-6563e1f3df30" providerId="ADAL" clId="{28DEAEB1-88A0-476E-8D94-732F038E0046}" dt="2023-10-09T11:17:29.593" v="424" actId="13822"/>
        <pc:sldMkLst>
          <pc:docMk/>
          <pc:sldMk cId="2094144802" sldId="2147483630"/>
        </pc:sldMkLst>
        <pc:spChg chg="add mod">
          <ac:chgData name="Millican, Karla" userId="7cb71ed0-59ab-4f9c-9ad8-6563e1f3df30" providerId="ADAL" clId="{28DEAEB1-88A0-476E-8D94-732F038E0046}" dt="2023-10-09T11:17:29.593" v="424" actId="13822"/>
          <ac:spMkLst>
            <pc:docMk/>
            <pc:sldMk cId="2094144802" sldId="2147483630"/>
            <ac:spMk id="4" creationId="{D86A7B81-B0CB-FE22-EC96-136EAE664C68}"/>
          </ac:spMkLst>
        </pc:spChg>
        <pc:spChg chg="mod">
          <ac:chgData name="Millican, Karla" userId="7cb71ed0-59ab-4f9c-9ad8-6563e1f3df30" providerId="ADAL" clId="{28DEAEB1-88A0-476E-8D94-732F038E0046}" dt="2023-10-09T11:15:55.012" v="403" actId="403"/>
          <ac:spMkLst>
            <pc:docMk/>
            <pc:sldMk cId="2094144802" sldId="2147483630"/>
            <ac:spMk id="7" creationId="{BF7253DD-E1D5-549E-0E2E-F3AE15337447}"/>
          </ac:spMkLst>
        </pc:spChg>
        <pc:spChg chg="mod">
          <ac:chgData name="Millican, Karla" userId="7cb71ed0-59ab-4f9c-9ad8-6563e1f3df30" providerId="ADAL" clId="{28DEAEB1-88A0-476E-8D94-732F038E0046}" dt="2023-10-09T11:16:08.885" v="406" actId="113"/>
          <ac:spMkLst>
            <pc:docMk/>
            <pc:sldMk cId="2094144802" sldId="2147483630"/>
            <ac:spMk id="15" creationId="{072356D4-31C8-D54E-343D-9EC057E1275D}"/>
          </ac:spMkLst>
        </pc:spChg>
        <pc:picChg chg="mod">
          <ac:chgData name="Millican, Karla" userId="7cb71ed0-59ab-4f9c-9ad8-6563e1f3df30" providerId="ADAL" clId="{28DEAEB1-88A0-476E-8D94-732F038E0046}" dt="2023-10-09T11:13:26.669" v="400" actId="1076"/>
          <ac:picMkLst>
            <pc:docMk/>
            <pc:sldMk cId="2094144802" sldId="2147483630"/>
            <ac:picMk id="2" creationId="{21CCEECB-D732-EAE5-645C-2FFF9DF2F182}"/>
          </ac:picMkLst>
        </pc:picChg>
        <pc:picChg chg="mod">
          <ac:chgData name="Millican, Karla" userId="7cb71ed0-59ab-4f9c-9ad8-6563e1f3df30" providerId="ADAL" clId="{28DEAEB1-88A0-476E-8D94-732F038E0046}" dt="2023-10-09T11:16:02.213" v="404" actId="1076"/>
          <ac:picMkLst>
            <pc:docMk/>
            <pc:sldMk cId="2094144802" sldId="2147483630"/>
            <ac:picMk id="5" creationId="{34C03928-BFC8-027C-E147-AD3B52C07C4A}"/>
          </ac:picMkLst>
        </pc:picChg>
      </pc:sldChg>
      <pc:sldChg chg="delSp modSp mod">
        <pc:chgData name="Millican, Karla" userId="7cb71ed0-59ab-4f9c-9ad8-6563e1f3df30" providerId="ADAL" clId="{28DEAEB1-88A0-476E-8D94-732F038E0046}" dt="2023-10-10T07:41:55.645" v="730" actId="20577"/>
        <pc:sldMkLst>
          <pc:docMk/>
          <pc:sldMk cId="1319698470" sldId="2147483631"/>
        </pc:sldMkLst>
        <pc:spChg chg="del mod">
          <ac:chgData name="Millican, Karla" userId="7cb71ed0-59ab-4f9c-9ad8-6563e1f3df30" providerId="ADAL" clId="{28DEAEB1-88A0-476E-8D94-732F038E0046}" dt="2023-10-09T18:42:06.041" v="718" actId="478"/>
          <ac:spMkLst>
            <pc:docMk/>
            <pc:sldMk cId="1319698470" sldId="2147483631"/>
            <ac:spMk id="4" creationId="{D86A7B81-B0CB-FE22-EC96-136EAE664C68}"/>
          </ac:spMkLst>
        </pc:spChg>
        <pc:spChg chg="mod">
          <ac:chgData name="Millican, Karla" userId="7cb71ed0-59ab-4f9c-9ad8-6563e1f3df30" providerId="ADAL" clId="{28DEAEB1-88A0-476E-8D94-732F038E0046}" dt="2023-10-09T15:46:29.270" v="652" actId="1076"/>
          <ac:spMkLst>
            <pc:docMk/>
            <pc:sldMk cId="1319698470" sldId="2147483631"/>
            <ac:spMk id="6" creationId="{79EAE91E-FB3E-A109-F386-D9E0200C6928}"/>
          </ac:spMkLst>
        </pc:spChg>
        <pc:spChg chg="mod">
          <ac:chgData name="Millican, Karla" userId="7cb71ed0-59ab-4f9c-9ad8-6563e1f3df30" providerId="ADAL" clId="{28DEAEB1-88A0-476E-8D94-732F038E0046}" dt="2023-10-10T07:41:55.645" v="730" actId="20577"/>
          <ac:spMkLst>
            <pc:docMk/>
            <pc:sldMk cId="1319698470" sldId="2147483631"/>
            <ac:spMk id="15" creationId="{072356D4-31C8-D54E-343D-9EC057E1275D}"/>
          </ac:spMkLst>
        </pc:spChg>
      </pc:sldChg>
      <pc:sldChg chg="addSp delSp modSp add mod">
        <pc:chgData name="Millican, Karla" userId="7cb71ed0-59ab-4f9c-9ad8-6563e1f3df30" providerId="ADAL" clId="{28DEAEB1-88A0-476E-8D94-732F038E0046}" dt="2023-10-10T07:56:08.324" v="799" actId="20577"/>
        <pc:sldMkLst>
          <pc:docMk/>
          <pc:sldMk cId="115265151" sldId="2147483632"/>
        </pc:sldMkLst>
        <pc:spChg chg="add mod">
          <ac:chgData name="Millican, Karla" userId="7cb71ed0-59ab-4f9c-9ad8-6563e1f3df30" providerId="ADAL" clId="{28DEAEB1-88A0-476E-8D94-732F038E0046}" dt="2023-10-09T12:08:13.843" v="521" actId="20577"/>
          <ac:spMkLst>
            <pc:docMk/>
            <pc:sldMk cId="115265151" sldId="2147483632"/>
            <ac:spMk id="2" creationId="{1EE56789-027D-79D2-80A3-33A0BBFC5A44}"/>
          </ac:spMkLst>
        </pc:spChg>
        <pc:spChg chg="mod">
          <ac:chgData name="Millican, Karla" userId="7cb71ed0-59ab-4f9c-9ad8-6563e1f3df30" providerId="ADAL" clId="{28DEAEB1-88A0-476E-8D94-732F038E0046}" dt="2023-10-10T07:56:08.324" v="799" actId="20577"/>
          <ac:spMkLst>
            <pc:docMk/>
            <pc:sldMk cId="115265151" sldId="2147483632"/>
            <ac:spMk id="5" creationId="{FBA41B3D-4ED6-04E9-FADD-32E7C89D8A9C}"/>
          </ac:spMkLst>
        </pc:spChg>
        <pc:spChg chg="add mod">
          <ac:chgData name="Millican, Karla" userId="7cb71ed0-59ab-4f9c-9ad8-6563e1f3df30" providerId="ADAL" clId="{28DEAEB1-88A0-476E-8D94-732F038E0046}" dt="2023-10-09T12:08:15.378" v="522" actId="20577"/>
          <ac:spMkLst>
            <pc:docMk/>
            <pc:sldMk cId="115265151" sldId="2147483632"/>
            <ac:spMk id="6" creationId="{A6BEE16D-7A42-7074-03D5-D40A6B92EADF}"/>
          </ac:spMkLst>
        </pc:spChg>
        <pc:spChg chg="mod">
          <ac:chgData name="Millican, Karla" userId="7cb71ed0-59ab-4f9c-9ad8-6563e1f3df30" providerId="ADAL" clId="{28DEAEB1-88A0-476E-8D94-732F038E0046}" dt="2023-10-09T12:08:11.142" v="520" actId="20577"/>
          <ac:spMkLst>
            <pc:docMk/>
            <pc:sldMk cId="115265151" sldId="2147483632"/>
            <ac:spMk id="8" creationId="{68307CC3-0603-7572-C9CB-60E818C9FAA5}"/>
          </ac:spMkLst>
        </pc:spChg>
        <pc:spChg chg="mod">
          <ac:chgData name="Millican, Karla" userId="7cb71ed0-59ab-4f9c-9ad8-6563e1f3df30" providerId="ADAL" clId="{28DEAEB1-88A0-476E-8D94-732F038E0046}" dt="2023-10-10T07:46:22.960" v="744" actId="1076"/>
          <ac:spMkLst>
            <pc:docMk/>
            <pc:sldMk cId="115265151" sldId="2147483632"/>
            <ac:spMk id="9" creationId="{91257047-FDC7-6867-93E3-722B6A6862B0}"/>
          </ac:spMkLst>
        </pc:spChg>
        <pc:spChg chg="add mod">
          <ac:chgData name="Millican, Karla" userId="7cb71ed0-59ab-4f9c-9ad8-6563e1f3df30" providerId="ADAL" clId="{28DEAEB1-88A0-476E-8D94-732F038E0046}" dt="2023-10-09T12:08:16.216" v="523" actId="20577"/>
          <ac:spMkLst>
            <pc:docMk/>
            <pc:sldMk cId="115265151" sldId="2147483632"/>
            <ac:spMk id="10" creationId="{625A748C-2EED-3A84-5AD2-B720A27D1017}"/>
          </ac:spMkLst>
        </pc:spChg>
        <pc:spChg chg="mod">
          <ac:chgData name="Millican, Karla" userId="7cb71ed0-59ab-4f9c-9ad8-6563e1f3df30" providerId="ADAL" clId="{28DEAEB1-88A0-476E-8D94-732F038E0046}" dt="2023-10-10T07:48:03.217" v="790" actId="1076"/>
          <ac:spMkLst>
            <pc:docMk/>
            <pc:sldMk cId="115265151" sldId="2147483632"/>
            <ac:spMk id="13" creationId="{5B18FED2-A62E-E155-A71A-1E6D87301E2A}"/>
          </ac:spMkLst>
        </pc:spChg>
        <pc:spChg chg="add mod">
          <ac:chgData name="Millican, Karla" userId="7cb71ed0-59ab-4f9c-9ad8-6563e1f3df30" providerId="ADAL" clId="{28DEAEB1-88A0-476E-8D94-732F038E0046}" dt="2023-10-09T12:08:17.951" v="524" actId="20577"/>
          <ac:spMkLst>
            <pc:docMk/>
            <pc:sldMk cId="115265151" sldId="2147483632"/>
            <ac:spMk id="14" creationId="{FE83ACDC-55CB-AAE4-450E-C6FCAE852F67}"/>
          </ac:spMkLst>
        </pc:spChg>
        <pc:spChg chg="mod">
          <ac:chgData name="Millican, Karla" userId="7cb71ed0-59ab-4f9c-9ad8-6563e1f3df30" providerId="ADAL" clId="{28DEAEB1-88A0-476E-8D94-732F038E0046}" dt="2023-10-10T07:47:32.033" v="786" actId="20577"/>
          <ac:spMkLst>
            <pc:docMk/>
            <pc:sldMk cId="115265151" sldId="2147483632"/>
            <ac:spMk id="16" creationId="{2E765815-522F-1B53-8129-A396B3858679}"/>
          </ac:spMkLst>
        </pc:spChg>
        <pc:spChg chg="add mod">
          <ac:chgData name="Millican, Karla" userId="7cb71ed0-59ab-4f9c-9ad8-6563e1f3df30" providerId="ADAL" clId="{28DEAEB1-88A0-476E-8D94-732F038E0046}" dt="2023-10-09T12:08:19.425" v="525" actId="20577"/>
          <ac:spMkLst>
            <pc:docMk/>
            <pc:sldMk cId="115265151" sldId="2147483632"/>
            <ac:spMk id="17" creationId="{0401E664-3656-6B2D-318A-962B08302CC8}"/>
          </ac:spMkLst>
        </pc:spChg>
        <pc:spChg chg="mod">
          <ac:chgData name="Millican, Karla" userId="7cb71ed0-59ab-4f9c-9ad8-6563e1f3df30" providerId="ADAL" clId="{28DEAEB1-88A0-476E-8D94-732F038E0046}" dt="2023-10-10T07:48:06.082" v="791" actId="1076"/>
          <ac:spMkLst>
            <pc:docMk/>
            <pc:sldMk cId="115265151" sldId="2147483632"/>
            <ac:spMk id="20" creationId="{756E8FF4-7E99-7A04-790A-985AF3D5740C}"/>
          </ac:spMkLst>
        </pc:spChg>
        <pc:picChg chg="del mod">
          <ac:chgData name="Millican, Karla" userId="7cb71ed0-59ab-4f9c-9ad8-6563e1f3df30" providerId="ADAL" clId="{28DEAEB1-88A0-476E-8D94-732F038E0046}" dt="2023-10-10T07:47:54.041" v="789" actId="478"/>
          <ac:picMkLst>
            <pc:docMk/>
            <pc:sldMk cId="115265151" sldId="2147483632"/>
            <ac:picMk id="4" creationId="{BB7EFFE9-C687-294C-35A7-6711D7652C3E}"/>
          </ac:picMkLst>
        </pc:picChg>
      </pc:sldChg>
      <pc:sldChg chg="modSp add mod">
        <pc:chgData name="Millican, Karla" userId="7cb71ed0-59ab-4f9c-9ad8-6563e1f3df30" providerId="ADAL" clId="{28DEAEB1-88A0-476E-8D94-732F038E0046}" dt="2023-10-09T12:08:42.420" v="533" actId="207"/>
        <pc:sldMkLst>
          <pc:docMk/>
          <pc:sldMk cId="2188456208" sldId="2147483633"/>
        </pc:sldMkLst>
        <pc:spChg chg="mod">
          <ac:chgData name="Millican, Karla" userId="7cb71ed0-59ab-4f9c-9ad8-6563e1f3df30" providerId="ADAL" clId="{28DEAEB1-88A0-476E-8D94-732F038E0046}" dt="2023-10-09T12:08:42.420" v="533" actId="207"/>
          <ac:spMkLst>
            <pc:docMk/>
            <pc:sldMk cId="2188456208" sldId="2147483633"/>
            <ac:spMk id="2" creationId="{1EE56789-027D-79D2-80A3-33A0BBFC5A44}"/>
          </ac:spMkLst>
        </pc:spChg>
        <pc:spChg chg="mod">
          <ac:chgData name="Millican, Karla" userId="7cb71ed0-59ab-4f9c-9ad8-6563e1f3df30" providerId="ADAL" clId="{28DEAEB1-88A0-476E-8D94-732F038E0046}" dt="2023-10-09T12:08:33.491" v="531" actId="403"/>
          <ac:spMkLst>
            <pc:docMk/>
            <pc:sldMk cId="2188456208" sldId="2147483633"/>
            <ac:spMk id="6" creationId="{A6BEE16D-7A42-7074-03D5-D40A6B92EADF}"/>
          </ac:spMkLst>
        </pc:spChg>
        <pc:spChg chg="mod">
          <ac:chgData name="Millican, Karla" userId="7cb71ed0-59ab-4f9c-9ad8-6563e1f3df30" providerId="ADAL" clId="{28DEAEB1-88A0-476E-8D94-732F038E0046}" dt="2023-10-09T12:08:42.420" v="533" actId="207"/>
          <ac:spMkLst>
            <pc:docMk/>
            <pc:sldMk cId="2188456208" sldId="2147483633"/>
            <ac:spMk id="10" creationId="{625A748C-2EED-3A84-5AD2-B720A27D1017}"/>
          </ac:spMkLst>
        </pc:spChg>
        <pc:spChg chg="mod">
          <ac:chgData name="Millican, Karla" userId="7cb71ed0-59ab-4f9c-9ad8-6563e1f3df30" providerId="ADAL" clId="{28DEAEB1-88A0-476E-8D94-732F038E0046}" dt="2023-10-09T12:08:42.420" v="533" actId="207"/>
          <ac:spMkLst>
            <pc:docMk/>
            <pc:sldMk cId="2188456208" sldId="2147483633"/>
            <ac:spMk id="14" creationId="{FE83ACDC-55CB-AAE4-450E-C6FCAE852F67}"/>
          </ac:spMkLst>
        </pc:spChg>
        <pc:spChg chg="mod">
          <ac:chgData name="Millican, Karla" userId="7cb71ed0-59ab-4f9c-9ad8-6563e1f3df30" providerId="ADAL" clId="{28DEAEB1-88A0-476E-8D94-732F038E0046}" dt="2023-10-09T12:08:42.420" v="533" actId="207"/>
          <ac:spMkLst>
            <pc:docMk/>
            <pc:sldMk cId="2188456208" sldId="2147483633"/>
            <ac:spMk id="17" creationId="{0401E664-3656-6B2D-318A-962B08302CC8}"/>
          </ac:spMkLst>
        </pc:spChg>
      </pc:sldChg>
      <pc:sldChg chg="add ord">
        <pc:chgData name="Millican, Karla" userId="7cb71ed0-59ab-4f9c-9ad8-6563e1f3df30" providerId="ADAL" clId="{28DEAEB1-88A0-476E-8D94-732F038E0046}" dt="2023-10-10T07:52:29.765" v="797" actId="20578"/>
        <pc:sldMkLst>
          <pc:docMk/>
          <pc:sldMk cId="395387337" sldId="2147483635"/>
        </pc:sldMkLst>
      </pc:sldChg>
      <pc:sldChg chg="delSp modSp mod">
        <pc:chgData name="Millican, Karla" userId="7cb71ed0-59ab-4f9c-9ad8-6563e1f3df30" providerId="ADAL" clId="{28DEAEB1-88A0-476E-8D94-732F038E0046}" dt="2023-10-10T07:48:43.205" v="793" actId="1076"/>
        <pc:sldMkLst>
          <pc:docMk/>
          <pc:sldMk cId="1973682860" sldId="2147483636"/>
        </pc:sldMkLst>
        <pc:spChg chg="mod">
          <ac:chgData name="Millican, Karla" userId="7cb71ed0-59ab-4f9c-9ad8-6563e1f3df30" providerId="ADAL" clId="{28DEAEB1-88A0-476E-8D94-732F038E0046}" dt="2023-10-09T15:31:37.812" v="622" actId="20577"/>
          <ac:spMkLst>
            <pc:docMk/>
            <pc:sldMk cId="1973682860" sldId="2147483636"/>
            <ac:spMk id="6" creationId="{00000000-0000-0000-0000-000000000000}"/>
          </ac:spMkLst>
        </pc:spChg>
        <pc:spChg chg="mod">
          <ac:chgData name="Millican, Karla" userId="7cb71ed0-59ab-4f9c-9ad8-6563e1f3df30" providerId="ADAL" clId="{28DEAEB1-88A0-476E-8D94-732F038E0046}" dt="2023-10-10T07:48:43.205" v="793" actId="1076"/>
          <ac:spMkLst>
            <pc:docMk/>
            <pc:sldMk cId="1973682860" sldId="2147483636"/>
            <ac:spMk id="12" creationId="{F6693FB4-DFB1-D031-3F18-D86EC8FE8927}"/>
          </ac:spMkLst>
        </pc:spChg>
        <pc:spChg chg="del">
          <ac:chgData name="Millican, Karla" userId="7cb71ed0-59ab-4f9c-9ad8-6563e1f3df30" providerId="ADAL" clId="{28DEAEB1-88A0-476E-8D94-732F038E0046}" dt="2023-10-09T15:31:54.962" v="624" actId="478"/>
          <ac:spMkLst>
            <pc:docMk/>
            <pc:sldMk cId="1973682860" sldId="2147483636"/>
            <ac:spMk id="14" creationId="{CF95A4FB-2B10-5792-DB75-81A1D9516172}"/>
          </ac:spMkLst>
        </pc:spChg>
      </pc:sldChg>
      <pc:sldMasterChg chg="delSldLayout">
        <pc:chgData name="Millican, Karla" userId="7cb71ed0-59ab-4f9c-9ad8-6563e1f3df30" providerId="ADAL" clId="{28DEAEB1-88A0-476E-8D94-732F038E0046}" dt="2023-10-09T12:05:33.888" v="435" actId="2696"/>
        <pc:sldMasterMkLst>
          <pc:docMk/>
          <pc:sldMasterMk cId="3408294523" sldId="2147483733"/>
        </pc:sldMasterMkLst>
        <pc:sldLayoutChg chg="del">
          <pc:chgData name="Millican, Karla" userId="7cb71ed0-59ab-4f9c-9ad8-6563e1f3df30" providerId="ADAL" clId="{28DEAEB1-88A0-476E-8D94-732F038E0046}" dt="2023-10-09T12:05:33.888" v="435" actId="2696"/>
          <pc:sldLayoutMkLst>
            <pc:docMk/>
            <pc:sldMasterMk cId="3408294523" sldId="2147483733"/>
            <pc:sldLayoutMk cId="392821597" sldId="2147483785"/>
          </pc:sldLayoutMkLst>
        </pc:sldLayoutChg>
      </pc:sldMasterChg>
    </pc:docChg>
  </pc:docChgLst>
  <pc:docChgLst>
    <pc:chgData name="Poulis, Grigoris" userId="2464872a-0711-4201-8739-49569df271a2" providerId="ADAL" clId="{A95BD8DD-BFCC-AD4F-846F-6F747B907FE1}"/>
    <pc:docChg chg="custSel modSld">
      <pc:chgData name="Poulis, Grigoris" userId="2464872a-0711-4201-8739-49569df271a2" providerId="ADAL" clId="{A95BD8DD-BFCC-AD4F-846F-6F747B907FE1}" dt="2023-10-10T08:44:32.056" v="186" actId="20577"/>
      <pc:docMkLst>
        <pc:docMk/>
      </pc:docMkLst>
      <pc:sldChg chg="modSp mod">
        <pc:chgData name="Poulis, Grigoris" userId="2464872a-0711-4201-8739-49569df271a2" providerId="ADAL" clId="{A95BD8DD-BFCC-AD4F-846F-6F747B907FE1}" dt="2023-10-10T08:44:32.056" v="186" actId="20577"/>
        <pc:sldMkLst>
          <pc:docMk/>
          <pc:sldMk cId="271486372" sldId="2147483621"/>
        </pc:sldMkLst>
        <pc:spChg chg="mod">
          <ac:chgData name="Poulis, Grigoris" userId="2464872a-0711-4201-8739-49569df271a2" providerId="ADAL" clId="{A95BD8DD-BFCC-AD4F-846F-6F747B907FE1}" dt="2023-10-10T08:38:59.282" v="63" actId="113"/>
          <ac:spMkLst>
            <pc:docMk/>
            <pc:sldMk cId="271486372" sldId="2147483621"/>
            <ac:spMk id="12" creationId="{035ABDD6-9CE1-27AF-66AF-0C5C3D686E87}"/>
          </ac:spMkLst>
        </pc:spChg>
        <pc:spChg chg="mod">
          <ac:chgData name="Poulis, Grigoris" userId="2464872a-0711-4201-8739-49569df271a2" providerId="ADAL" clId="{A95BD8DD-BFCC-AD4F-846F-6F747B907FE1}" dt="2023-10-10T08:39:06.596" v="65" actId="113"/>
          <ac:spMkLst>
            <pc:docMk/>
            <pc:sldMk cId="271486372" sldId="2147483621"/>
            <ac:spMk id="19" creationId="{D21CCB63-1FC6-3B7B-8A7B-6C60459FA36E}"/>
          </ac:spMkLst>
        </pc:spChg>
        <pc:spChg chg="mod">
          <ac:chgData name="Poulis, Grigoris" userId="2464872a-0711-4201-8739-49569df271a2" providerId="ADAL" clId="{A95BD8DD-BFCC-AD4F-846F-6F747B907FE1}" dt="2023-10-10T08:39:24.581" v="69" actId="113"/>
          <ac:spMkLst>
            <pc:docMk/>
            <pc:sldMk cId="271486372" sldId="2147483621"/>
            <ac:spMk id="20" creationId="{9AE50E31-BE9F-E795-D2E5-F3EB23CD52DE}"/>
          </ac:spMkLst>
        </pc:spChg>
        <pc:spChg chg="mod">
          <ac:chgData name="Poulis, Grigoris" userId="2464872a-0711-4201-8739-49569df271a2" providerId="ADAL" clId="{A95BD8DD-BFCC-AD4F-846F-6F747B907FE1}" dt="2023-10-10T08:44:32.056" v="186" actId="20577"/>
          <ac:spMkLst>
            <pc:docMk/>
            <pc:sldMk cId="271486372" sldId="2147483621"/>
            <ac:spMk id="25" creationId="{5662634F-D4C5-312B-D312-24CE492213D7}"/>
          </ac:spMkLst>
        </pc:spChg>
      </pc:sldChg>
    </pc:docChg>
  </pc:docChgLst>
  <pc:docChgLst>
    <pc:chgData name="Arteaga, Marta" userId="7252dfda-6e35-4827-8f3d-812ceb49d8da" providerId="ADAL" clId="{1F0DE0C9-4FC0-C845-BFA7-24CC39DA5F4A}"/>
    <pc:docChg chg="undo redo custSel addSld delSld modSld sldOrd modMainMaster">
      <pc:chgData name="Arteaga, Marta" userId="7252dfda-6e35-4827-8f3d-812ceb49d8da" providerId="ADAL" clId="{1F0DE0C9-4FC0-C845-BFA7-24CC39DA5F4A}" dt="2023-10-10T09:20:09.678" v="6337" actId="1038"/>
      <pc:docMkLst>
        <pc:docMk/>
      </pc:docMkLst>
      <pc:sldChg chg="addSp delSp modSp add del mod ord modNotesTx">
        <pc:chgData name="Arteaga, Marta" userId="7252dfda-6e35-4827-8f3d-812ceb49d8da" providerId="ADAL" clId="{1F0DE0C9-4FC0-C845-BFA7-24CC39DA5F4A}" dt="2023-10-09T13:49:20.557" v="5494" actId="2696"/>
        <pc:sldMkLst>
          <pc:docMk/>
          <pc:sldMk cId="4093167850" sldId="256"/>
        </pc:sldMkLst>
        <pc:spChg chg="add mod">
          <ac:chgData name="Arteaga, Marta" userId="7252dfda-6e35-4827-8f3d-812ceb49d8da" providerId="ADAL" clId="{1F0DE0C9-4FC0-C845-BFA7-24CC39DA5F4A}" dt="2023-10-03T10:27:09.057" v="832" actId="1076"/>
          <ac:spMkLst>
            <pc:docMk/>
            <pc:sldMk cId="4093167850" sldId="256"/>
            <ac:spMk id="3" creationId="{13CA87B9-7C51-B378-1296-CBEC7AE8E61B}"/>
          </ac:spMkLst>
        </pc:spChg>
        <pc:spChg chg="add mod">
          <ac:chgData name="Arteaga, Marta" userId="7252dfda-6e35-4827-8f3d-812ceb49d8da" providerId="ADAL" clId="{1F0DE0C9-4FC0-C845-BFA7-24CC39DA5F4A}" dt="2023-10-03T10:27:13.671" v="833" actId="1076"/>
          <ac:spMkLst>
            <pc:docMk/>
            <pc:sldMk cId="4093167850" sldId="256"/>
            <ac:spMk id="5" creationId="{FE3D0BB4-D4AA-56D2-2C3B-92DAA59CB05F}"/>
          </ac:spMkLst>
        </pc:spChg>
        <pc:spChg chg="mod">
          <ac:chgData name="Arteaga, Marta" userId="7252dfda-6e35-4827-8f3d-812ceb49d8da" providerId="ADAL" clId="{1F0DE0C9-4FC0-C845-BFA7-24CC39DA5F4A}" dt="2023-10-09T13:48:48.394" v="5489"/>
          <ac:spMkLst>
            <pc:docMk/>
            <pc:sldMk cId="4093167850" sldId="256"/>
            <ac:spMk id="6" creationId="{00000000-0000-0000-0000-000000000000}"/>
          </ac:spMkLst>
        </pc:spChg>
        <pc:spChg chg="add mod">
          <ac:chgData name="Arteaga, Marta" userId="7252dfda-6e35-4827-8f3d-812ceb49d8da" providerId="ADAL" clId="{1F0DE0C9-4FC0-C845-BFA7-24CC39DA5F4A}" dt="2023-10-03T10:27:21.522" v="835" actId="1076"/>
          <ac:spMkLst>
            <pc:docMk/>
            <pc:sldMk cId="4093167850" sldId="256"/>
            <ac:spMk id="8" creationId="{B4E9D9CD-7865-0A78-2183-CB39951ECC97}"/>
          </ac:spMkLst>
        </pc:spChg>
        <pc:spChg chg="add mod">
          <ac:chgData name="Arteaga, Marta" userId="7252dfda-6e35-4827-8f3d-812ceb49d8da" providerId="ADAL" clId="{1F0DE0C9-4FC0-C845-BFA7-24CC39DA5F4A}" dt="2023-10-03T11:09:34.529" v="2811" actId="1076"/>
          <ac:spMkLst>
            <pc:docMk/>
            <pc:sldMk cId="4093167850" sldId="256"/>
            <ac:spMk id="9" creationId="{B4021350-B9BF-4CAA-AF47-BD7BFD28870A}"/>
          </ac:spMkLst>
        </pc:spChg>
        <pc:spChg chg="add del">
          <ac:chgData name="Arteaga, Marta" userId="7252dfda-6e35-4827-8f3d-812ceb49d8da" providerId="ADAL" clId="{1F0DE0C9-4FC0-C845-BFA7-24CC39DA5F4A}" dt="2023-10-03T10:26:23.279" v="825" actId="22"/>
          <ac:spMkLst>
            <pc:docMk/>
            <pc:sldMk cId="4093167850" sldId="256"/>
            <ac:spMk id="14" creationId="{939171A0-C5D7-12A8-B29A-44325D6C8F11}"/>
          </ac:spMkLst>
        </pc:spChg>
        <pc:spChg chg="add mod">
          <ac:chgData name="Arteaga, Marta" userId="7252dfda-6e35-4827-8f3d-812ceb49d8da" providerId="ADAL" clId="{1F0DE0C9-4FC0-C845-BFA7-24CC39DA5F4A}" dt="2023-10-03T11:09:52.902" v="2815" actId="20577"/>
          <ac:spMkLst>
            <pc:docMk/>
            <pc:sldMk cId="4093167850" sldId="256"/>
            <ac:spMk id="15" creationId="{DEC8FDAF-BAB6-95BD-3891-A7C6A2098B7A}"/>
          </ac:spMkLst>
        </pc:spChg>
        <pc:spChg chg="add mod">
          <ac:chgData name="Arteaga, Marta" userId="7252dfda-6e35-4827-8f3d-812ceb49d8da" providerId="ADAL" clId="{1F0DE0C9-4FC0-C845-BFA7-24CC39DA5F4A}" dt="2023-10-03T11:10:25.691" v="2821" actId="207"/>
          <ac:spMkLst>
            <pc:docMk/>
            <pc:sldMk cId="4093167850" sldId="256"/>
            <ac:spMk id="16" creationId="{C51E675B-5A79-D7B8-7938-172EAEC13364}"/>
          </ac:spMkLst>
        </pc:spChg>
        <pc:picChg chg="add del mod">
          <ac:chgData name="Arteaga, Marta" userId="7252dfda-6e35-4827-8f3d-812ceb49d8da" providerId="ADAL" clId="{1F0DE0C9-4FC0-C845-BFA7-24CC39DA5F4A}" dt="2023-10-03T09:35:15.013" v="711" actId="478"/>
          <ac:picMkLst>
            <pc:docMk/>
            <pc:sldMk cId="4093167850" sldId="256"/>
            <ac:picMk id="2" creationId="{B5F59C5F-DD7F-2759-3DAF-5E8407F3B75E}"/>
          </ac:picMkLst>
        </pc:picChg>
        <pc:picChg chg="del mod">
          <ac:chgData name="Arteaga, Marta" userId="7252dfda-6e35-4827-8f3d-812ceb49d8da" providerId="ADAL" clId="{1F0DE0C9-4FC0-C845-BFA7-24CC39DA5F4A}" dt="2023-10-03T09:21:15.218" v="458" actId="478"/>
          <ac:picMkLst>
            <pc:docMk/>
            <pc:sldMk cId="4093167850" sldId="256"/>
            <ac:picMk id="4" creationId="{00000000-0000-0000-0000-000000000000}"/>
          </ac:picMkLst>
        </pc:picChg>
        <pc:picChg chg="add del mod">
          <ac:chgData name="Arteaga, Marta" userId="7252dfda-6e35-4827-8f3d-812ceb49d8da" providerId="ADAL" clId="{1F0DE0C9-4FC0-C845-BFA7-24CC39DA5F4A}" dt="2023-10-03T10:27:25.325" v="837" actId="1076"/>
          <ac:picMkLst>
            <pc:docMk/>
            <pc:sldMk cId="4093167850" sldId="256"/>
            <ac:picMk id="7" creationId="{0B0D282E-F906-6AB7-6801-BD61013E08FF}"/>
          </ac:picMkLst>
        </pc:picChg>
        <pc:picChg chg="add mod">
          <ac:chgData name="Arteaga, Marta" userId="7252dfda-6e35-4827-8f3d-812ceb49d8da" providerId="ADAL" clId="{1F0DE0C9-4FC0-C845-BFA7-24CC39DA5F4A}" dt="2023-10-03T10:27:02.756" v="831" actId="14100"/>
          <ac:picMkLst>
            <pc:docMk/>
            <pc:sldMk cId="4093167850" sldId="256"/>
            <ac:picMk id="10" creationId="{3744C784-775D-9E9A-E15F-6C4ACD1E62C3}"/>
          </ac:picMkLst>
        </pc:picChg>
        <pc:picChg chg="add del mod modCrop">
          <ac:chgData name="Arteaga, Marta" userId="7252dfda-6e35-4827-8f3d-812ceb49d8da" providerId="ADAL" clId="{1F0DE0C9-4FC0-C845-BFA7-24CC39DA5F4A}" dt="2023-10-03T10:22:41.029" v="802" actId="478"/>
          <ac:picMkLst>
            <pc:docMk/>
            <pc:sldMk cId="4093167850" sldId="256"/>
            <ac:picMk id="11" creationId="{64898E95-97D7-E5F9-0163-C244A934F4EA}"/>
          </ac:picMkLst>
        </pc:picChg>
        <pc:picChg chg="add del mod modCrop">
          <ac:chgData name="Arteaga, Marta" userId="7252dfda-6e35-4827-8f3d-812ceb49d8da" providerId="ADAL" clId="{1F0DE0C9-4FC0-C845-BFA7-24CC39DA5F4A}" dt="2023-10-03T10:25:46.838" v="822" actId="478"/>
          <ac:picMkLst>
            <pc:docMk/>
            <pc:sldMk cId="4093167850" sldId="256"/>
            <ac:picMk id="12" creationId="{10669E60-9774-8A45-D4D5-B4B7E314E2A5}"/>
          </ac:picMkLst>
        </pc:picChg>
      </pc:sldChg>
      <pc:sldChg chg="addSp delSp modSp mod ord">
        <pc:chgData name="Arteaga, Marta" userId="7252dfda-6e35-4827-8f3d-812ceb49d8da" providerId="ADAL" clId="{1F0DE0C9-4FC0-C845-BFA7-24CC39DA5F4A}" dt="2023-10-06T15:48:07.665" v="4599" actId="478"/>
        <pc:sldMkLst>
          <pc:docMk/>
          <pc:sldMk cId="3602749482" sldId="364"/>
        </pc:sldMkLst>
        <pc:spChg chg="del">
          <ac:chgData name="Arteaga, Marta" userId="7252dfda-6e35-4827-8f3d-812ceb49d8da" providerId="ADAL" clId="{1F0DE0C9-4FC0-C845-BFA7-24CC39DA5F4A}" dt="2023-10-03T14:15:01.350" v="2963" actId="478"/>
          <ac:spMkLst>
            <pc:docMk/>
            <pc:sldMk cId="3602749482" sldId="364"/>
            <ac:spMk id="2" creationId="{E38E81FA-BD36-D246-A0BA-94256E3D831A}"/>
          </ac:spMkLst>
        </pc:spChg>
        <pc:picChg chg="add del mod">
          <ac:chgData name="Arteaga, Marta" userId="7252dfda-6e35-4827-8f3d-812ceb49d8da" providerId="ADAL" clId="{1F0DE0C9-4FC0-C845-BFA7-24CC39DA5F4A}" dt="2023-10-06T15:48:07.665" v="4599" actId="478"/>
          <ac:picMkLst>
            <pc:docMk/>
            <pc:sldMk cId="3602749482" sldId="364"/>
            <ac:picMk id="2" creationId="{4CB0446A-9513-4357-4CFC-EB777236DFCF}"/>
          </ac:picMkLst>
        </pc:picChg>
        <pc:picChg chg="add mod modCrop">
          <ac:chgData name="Arteaga, Marta" userId="7252dfda-6e35-4827-8f3d-812ceb49d8da" providerId="ADAL" clId="{1F0DE0C9-4FC0-C845-BFA7-24CC39DA5F4A}" dt="2023-10-03T14:16:46.356" v="2984" actId="1036"/>
          <ac:picMkLst>
            <pc:docMk/>
            <pc:sldMk cId="3602749482" sldId="364"/>
            <ac:picMk id="3" creationId="{E0218C1E-2024-9117-344E-D444C27224D8}"/>
          </ac:picMkLst>
        </pc:picChg>
      </pc:sldChg>
      <pc:sldChg chg="addSp delSp modSp del mod ord">
        <pc:chgData name="Arteaga, Marta" userId="7252dfda-6e35-4827-8f3d-812ceb49d8da" providerId="ADAL" clId="{1F0DE0C9-4FC0-C845-BFA7-24CC39DA5F4A}" dt="2023-10-09T14:17:33.115" v="5895" actId="2696"/>
        <pc:sldMkLst>
          <pc:docMk/>
          <pc:sldMk cId="2873020679" sldId="390"/>
        </pc:sldMkLst>
        <pc:spChg chg="mod">
          <ac:chgData name="Arteaga, Marta" userId="7252dfda-6e35-4827-8f3d-812ceb49d8da" providerId="ADAL" clId="{1F0DE0C9-4FC0-C845-BFA7-24CC39DA5F4A}" dt="2023-10-06T12:05:48.606" v="3180" actId="20577"/>
          <ac:spMkLst>
            <pc:docMk/>
            <pc:sldMk cId="2873020679" sldId="390"/>
            <ac:spMk id="5" creationId="{FBA41B3D-4ED6-04E9-FADD-32E7C89D8A9C}"/>
          </ac:spMkLst>
        </pc:spChg>
        <pc:spChg chg="add mod">
          <ac:chgData name="Arteaga, Marta" userId="7252dfda-6e35-4827-8f3d-812ceb49d8da" providerId="ADAL" clId="{1F0DE0C9-4FC0-C845-BFA7-24CC39DA5F4A}" dt="2023-10-06T12:11:31.360" v="3230"/>
          <ac:spMkLst>
            <pc:docMk/>
            <pc:sldMk cId="2873020679" sldId="390"/>
            <ac:spMk id="6" creationId="{0EAB3439-DBF9-6650-7ABB-88A02E5471A7}"/>
          </ac:spMkLst>
        </pc:spChg>
        <pc:spChg chg="mod">
          <ac:chgData name="Arteaga, Marta" userId="7252dfda-6e35-4827-8f3d-812ceb49d8da" providerId="ADAL" clId="{1F0DE0C9-4FC0-C845-BFA7-24CC39DA5F4A}" dt="2023-10-04T10:05:37.387" v="3149" actId="2711"/>
          <ac:spMkLst>
            <pc:docMk/>
            <pc:sldMk cId="2873020679" sldId="390"/>
            <ac:spMk id="8" creationId="{68307CC3-0603-7572-C9CB-60E818C9FAA5}"/>
          </ac:spMkLst>
        </pc:spChg>
        <pc:spChg chg="del">
          <ac:chgData name="Arteaga, Marta" userId="7252dfda-6e35-4827-8f3d-812ceb49d8da" providerId="ADAL" clId="{1F0DE0C9-4FC0-C845-BFA7-24CC39DA5F4A}" dt="2023-10-06T12:10:50.218" v="3228" actId="478"/>
          <ac:spMkLst>
            <pc:docMk/>
            <pc:sldMk cId="2873020679" sldId="390"/>
            <ac:spMk id="12" creationId="{49EB0368-9F5E-ECA1-45B1-FA7ED85A0A6B}"/>
          </ac:spMkLst>
        </pc:spChg>
        <pc:picChg chg="add mod">
          <ac:chgData name="Arteaga, Marta" userId="7252dfda-6e35-4827-8f3d-812ceb49d8da" providerId="ADAL" clId="{1F0DE0C9-4FC0-C845-BFA7-24CC39DA5F4A}" dt="2023-10-06T12:08:22.634" v="3186" actId="1076"/>
          <ac:picMkLst>
            <pc:docMk/>
            <pc:sldMk cId="2873020679" sldId="390"/>
            <ac:picMk id="4" creationId="{BB7EFFE9-C687-294C-35A7-6711D7652C3E}"/>
          </ac:picMkLst>
        </pc:picChg>
        <pc:picChg chg="del">
          <ac:chgData name="Arteaga, Marta" userId="7252dfda-6e35-4827-8f3d-812ceb49d8da" providerId="ADAL" clId="{1F0DE0C9-4FC0-C845-BFA7-24CC39DA5F4A}" dt="2023-10-06T12:08:13.684" v="3181" actId="478"/>
          <ac:picMkLst>
            <pc:docMk/>
            <pc:sldMk cId="2873020679" sldId="390"/>
            <ac:picMk id="13" creationId="{797E7EEA-4467-EADE-0388-54C80ACC7811}"/>
          </ac:picMkLst>
        </pc:picChg>
      </pc:sldChg>
      <pc:sldChg chg="addSp delSp modSp mod">
        <pc:chgData name="Arteaga, Marta" userId="7252dfda-6e35-4827-8f3d-812ceb49d8da" providerId="ADAL" clId="{1F0DE0C9-4FC0-C845-BFA7-24CC39DA5F4A}" dt="2023-10-06T12:10:08.305" v="3218" actId="21"/>
        <pc:sldMkLst>
          <pc:docMk/>
          <pc:sldMk cId="4060872162" sldId="449"/>
        </pc:sldMkLst>
        <pc:spChg chg="mod">
          <ac:chgData name="Arteaga, Marta" userId="7252dfda-6e35-4827-8f3d-812ceb49d8da" providerId="ADAL" clId="{1F0DE0C9-4FC0-C845-BFA7-24CC39DA5F4A}" dt="2023-10-04T10:07:20.575" v="3163" actId="404"/>
          <ac:spMkLst>
            <pc:docMk/>
            <pc:sldMk cId="4060872162" sldId="449"/>
            <ac:spMk id="11" creationId="{AAF7117E-15CD-54C6-0889-3BD67DE0E5CB}"/>
          </ac:spMkLst>
        </pc:spChg>
        <pc:picChg chg="add mod">
          <ac:chgData name="Arteaga, Marta" userId="7252dfda-6e35-4827-8f3d-812ceb49d8da" providerId="ADAL" clId="{1F0DE0C9-4FC0-C845-BFA7-24CC39DA5F4A}" dt="2023-10-06T12:09:57.186" v="3215" actId="1076"/>
          <ac:picMkLst>
            <pc:docMk/>
            <pc:sldMk cId="4060872162" sldId="449"/>
            <ac:picMk id="2" creationId="{C2CDE97B-BAAF-2A44-8D96-F7ACF3869E6A}"/>
          </ac:picMkLst>
        </pc:picChg>
        <pc:picChg chg="del">
          <ac:chgData name="Arteaga, Marta" userId="7252dfda-6e35-4827-8f3d-812ceb49d8da" providerId="ADAL" clId="{1F0DE0C9-4FC0-C845-BFA7-24CC39DA5F4A}" dt="2023-10-06T12:09:52.298" v="3213" actId="478"/>
          <ac:picMkLst>
            <pc:docMk/>
            <pc:sldMk cId="4060872162" sldId="449"/>
            <ac:picMk id="7" creationId="{D1EF45CA-9A8B-F7E9-4DE6-CD6227E3E039}"/>
          </ac:picMkLst>
        </pc:picChg>
        <pc:cxnChg chg="add del mod">
          <ac:chgData name="Arteaga, Marta" userId="7252dfda-6e35-4827-8f3d-812ceb49d8da" providerId="ADAL" clId="{1F0DE0C9-4FC0-C845-BFA7-24CC39DA5F4A}" dt="2023-10-06T12:10:08.305" v="3218" actId="21"/>
          <ac:cxnSpMkLst>
            <pc:docMk/>
            <pc:sldMk cId="4060872162" sldId="449"/>
            <ac:cxnSpMk id="4" creationId="{43749276-7015-933E-6C91-9CB8C1A2FB8C}"/>
          </ac:cxnSpMkLst>
        </pc:cxnChg>
      </pc:sldChg>
      <pc:sldChg chg="addSp delSp modSp add mod modAnim">
        <pc:chgData name="Arteaga, Marta" userId="7252dfda-6e35-4827-8f3d-812ceb49d8da" providerId="ADAL" clId="{1F0DE0C9-4FC0-C845-BFA7-24CC39DA5F4A}" dt="2023-10-09T14:08:28.383" v="5570" actId="1076"/>
        <pc:sldMkLst>
          <pc:docMk/>
          <pc:sldMk cId="464063816" sldId="2147478926"/>
        </pc:sldMkLst>
        <pc:spChg chg="del">
          <ac:chgData name="Arteaga, Marta" userId="7252dfda-6e35-4827-8f3d-812ceb49d8da" providerId="ADAL" clId="{1F0DE0C9-4FC0-C845-BFA7-24CC39DA5F4A}" dt="2023-10-09T12:27:56.431" v="5361" actId="478"/>
          <ac:spMkLst>
            <pc:docMk/>
            <pc:sldMk cId="464063816" sldId="2147478926"/>
            <ac:spMk id="3" creationId="{D483A7D0-5451-5428-1D0B-511FEFDF3E88}"/>
          </ac:spMkLst>
        </pc:spChg>
        <pc:spChg chg="del mod">
          <ac:chgData name="Arteaga, Marta" userId="7252dfda-6e35-4827-8f3d-812ceb49d8da" providerId="ADAL" clId="{1F0DE0C9-4FC0-C845-BFA7-24CC39DA5F4A}" dt="2023-10-09T12:27:53.621" v="5360" actId="478"/>
          <ac:spMkLst>
            <pc:docMk/>
            <pc:sldMk cId="464063816" sldId="2147478926"/>
            <ac:spMk id="4" creationId="{54E14ABB-9681-3617-E2A8-389FD7D2C122}"/>
          </ac:spMkLst>
        </pc:spChg>
        <pc:spChg chg="del">
          <ac:chgData name="Arteaga, Marta" userId="7252dfda-6e35-4827-8f3d-812ceb49d8da" providerId="ADAL" clId="{1F0DE0C9-4FC0-C845-BFA7-24CC39DA5F4A}" dt="2023-10-09T12:27:52.113" v="5359" actId="478"/>
          <ac:spMkLst>
            <pc:docMk/>
            <pc:sldMk cId="464063816" sldId="2147478926"/>
            <ac:spMk id="5" creationId="{0D88C984-AF38-B187-2300-8F34A4AE3587}"/>
          </ac:spMkLst>
        </pc:spChg>
        <pc:spChg chg="del">
          <ac:chgData name="Arteaga, Marta" userId="7252dfda-6e35-4827-8f3d-812ceb49d8da" providerId="ADAL" clId="{1F0DE0C9-4FC0-C845-BFA7-24CC39DA5F4A}" dt="2023-10-09T12:27:52.113" v="5359" actId="478"/>
          <ac:spMkLst>
            <pc:docMk/>
            <pc:sldMk cId="464063816" sldId="2147478926"/>
            <ac:spMk id="6" creationId="{4BCB2426-1728-B770-2DFE-52C0E90EAD56}"/>
          </ac:spMkLst>
        </pc:spChg>
        <pc:spChg chg="del">
          <ac:chgData name="Arteaga, Marta" userId="7252dfda-6e35-4827-8f3d-812ceb49d8da" providerId="ADAL" clId="{1F0DE0C9-4FC0-C845-BFA7-24CC39DA5F4A}" dt="2023-10-09T13:38:54.015" v="5421" actId="478"/>
          <ac:spMkLst>
            <pc:docMk/>
            <pc:sldMk cId="464063816" sldId="2147478926"/>
            <ac:spMk id="7" creationId="{892B0B96-EECD-5DC4-D6F4-FBFF5A6D94F1}"/>
          </ac:spMkLst>
        </pc:spChg>
        <pc:spChg chg="del">
          <ac:chgData name="Arteaga, Marta" userId="7252dfda-6e35-4827-8f3d-812ceb49d8da" providerId="ADAL" clId="{1F0DE0C9-4FC0-C845-BFA7-24CC39DA5F4A}" dt="2023-10-09T13:38:55.260" v="5422" actId="478"/>
          <ac:spMkLst>
            <pc:docMk/>
            <pc:sldMk cId="464063816" sldId="2147478926"/>
            <ac:spMk id="8" creationId="{8C8066A6-7738-0603-A385-3DC6C2BB0B59}"/>
          </ac:spMkLst>
        </pc:spChg>
        <pc:spChg chg="del">
          <ac:chgData name="Arteaga, Marta" userId="7252dfda-6e35-4827-8f3d-812ceb49d8da" providerId="ADAL" clId="{1F0DE0C9-4FC0-C845-BFA7-24CC39DA5F4A}" dt="2023-10-09T12:27:52.113" v="5359" actId="478"/>
          <ac:spMkLst>
            <pc:docMk/>
            <pc:sldMk cId="464063816" sldId="2147478926"/>
            <ac:spMk id="9" creationId="{4021B915-FDDA-1C32-5237-E5EC01BF72F1}"/>
          </ac:spMkLst>
        </pc:spChg>
        <pc:spChg chg="del">
          <ac:chgData name="Arteaga, Marta" userId="7252dfda-6e35-4827-8f3d-812ceb49d8da" providerId="ADAL" clId="{1F0DE0C9-4FC0-C845-BFA7-24CC39DA5F4A}" dt="2023-10-09T12:27:52.113" v="5359" actId="478"/>
          <ac:spMkLst>
            <pc:docMk/>
            <pc:sldMk cId="464063816" sldId="2147478926"/>
            <ac:spMk id="13" creationId="{8B78628D-1E36-CFCA-8486-63C3AADD8618}"/>
          </ac:spMkLst>
        </pc:spChg>
        <pc:spChg chg="del">
          <ac:chgData name="Arteaga, Marta" userId="7252dfda-6e35-4827-8f3d-812ceb49d8da" providerId="ADAL" clId="{1F0DE0C9-4FC0-C845-BFA7-24CC39DA5F4A}" dt="2023-10-09T12:27:52.113" v="5359" actId="478"/>
          <ac:spMkLst>
            <pc:docMk/>
            <pc:sldMk cId="464063816" sldId="2147478926"/>
            <ac:spMk id="14" creationId="{67B721BA-CC46-2D0B-C04F-CA886FFD1DB7}"/>
          </ac:spMkLst>
        </pc:spChg>
        <pc:spChg chg="del">
          <ac:chgData name="Arteaga, Marta" userId="7252dfda-6e35-4827-8f3d-812ceb49d8da" providerId="ADAL" clId="{1F0DE0C9-4FC0-C845-BFA7-24CC39DA5F4A}" dt="2023-10-09T12:27:52.113" v="5359" actId="478"/>
          <ac:spMkLst>
            <pc:docMk/>
            <pc:sldMk cId="464063816" sldId="2147478926"/>
            <ac:spMk id="15" creationId="{18288A72-9A9F-7307-4E81-EEA4DB84C5DC}"/>
          </ac:spMkLst>
        </pc:spChg>
        <pc:spChg chg="del">
          <ac:chgData name="Arteaga, Marta" userId="7252dfda-6e35-4827-8f3d-812ceb49d8da" providerId="ADAL" clId="{1F0DE0C9-4FC0-C845-BFA7-24CC39DA5F4A}" dt="2023-10-09T12:27:52.113" v="5359" actId="478"/>
          <ac:spMkLst>
            <pc:docMk/>
            <pc:sldMk cId="464063816" sldId="2147478926"/>
            <ac:spMk id="16" creationId="{E1CF879A-4FAB-D878-6468-2E227CB1B4CC}"/>
          </ac:spMkLst>
        </pc:spChg>
        <pc:spChg chg="del mod">
          <ac:chgData name="Arteaga, Marta" userId="7252dfda-6e35-4827-8f3d-812ceb49d8da" providerId="ADAL" clId="{1F0DE0C9-4FC0-C845-BFA7-24CC39DA5F4A}" dt="2023-10-09T12:27:52.113" v="5359" actId="478"/>
          <ac:spMkLst>
            <pc:docMk/>
            <pc:sldMk cId="464063816" sldId="2147478926"/>
            <ac:spMk id="17" creationId="{15702604-C830-1809-1BAC-702CED02D021}"/>
          </ac:spMkLst>
        </pc:spChg>
        <pc:spChg chg="add del mod">
          <ac:chgData name="Arteaga, Marta" userId="7252dfda-6e35-4827-8f3d-812ceb49d8da" providerId="ADAL" clId="{1F0DE0C9-4FC0-C845-BFA7-24CC39DA5F4A}" dt="2023-10-09T12:27:45.184" v="5357" actId="478"/>
          <ac:spMkLst>
            <pc:docMk/>
            <pc:sldMk cId="464063816" sldId="2147478926"/>
            <ac:spMk id="21" creationId="{B48143B1-1701-B0FD-0E6B-772053D4B02D}"/>
          </ac:spMkLst>
        </pc:spChg>
        <pc:spChg chg="add del mod">
          <ac:chgData name="Arteaga, Marta" userId="7252dfda-6e35-4827-8f3d-812ceb49d8da" providerId="ADAL" clId="{1F0DE0C9-4FC0-C845-BFA7-24CC39DA5F4A}" dt="2023-10-09T13:38:25.470" v="5412" actId="478"/>
          <ac:spMkLst>
            <pc:docMk/>
            <pc:sldMk cId="464063816" sldId="2147478926"/>
            <ac:spMk id="22" creationId="{DFA19888-1F3B-02FD-7BD2-2658AD06A6A2}"/>
          </ac:spMkLst>
        </pc:spChg>
        <pc:spChg chg="add mod">
          <ac:chgData name="Arteaga, Marta" userId="7252dfda-6e35-4827-8f3d-812ceb49d8da" providerId="ADAL" clId="{1F0DE0C9-4FC0-C845-BFA7-24CC39DA5F4A}" dt="2023-10-09T14:08:28.383" v="5570" actId="1076"/>
          <ac:spMkLst>
            <pc:docMk/>
            <pc:sldMk cId="464063816" sldId="2147478926"/>
            <ac:spMk id="29" creationId="{66D01412-2B2A-C427-C1AA-9B9C7E724544}"/>
          </ac:spMkLst>
        </pc:spChg>
        <pc:spChg chg="add del mod">
          <ac:chgData name="Arteaga, Marta" userId="7252dfda-6e35-4827-8f3d-812ceb49d8da" providerId="ADAL" clId="{1F0DE0C9-4FC0-C845-BFA7-24CC39DA5F4A}" dt="2023-10-09T14:07:58.408" v="5562" actId="478"/>
          <ac:spMkLst>
            <pc:docMk/>
            <pc:sldMk cId="464063816" sldId="2147478926"/>
            <ac:spMk id="30" creationId="{BE914D7A-E139-F2CD-5AFF-19507A9F7C18}"/>
          </ac:spMkLst>
        </pc:spChg>
        <pc:spChg chg="add mod">
          <ac:chgData name="Arteaga, Marta" userId="7252dfda-6e35-4827-8f3d-812ceb49d8da" providerId="ADAL" clId="{1F0DE0C9-4FC0-C845-BFA7-24CC39DA5F4A}" dt="2023-10-09T14:07:09.984" v="5552" actId="1076"/>
          <ac:spMkLst>
            <pc:docMk/>
            <pc:sldMk cId="464063816" sldId="2147478926"/>
            <ac:spMk id="31" creationId="{0F16876D-52D8-1EB6-27F1-7F313BB78358}"/>
          </ac:spMkLst>
        </pc:spChg>
        <pc:spChg chg="add mod">
          <ac:chgData name="Arteaga, Marta" userId="7252dfda-6e35-4827-8f3d-812ceb49d8da" providerId="ADAL" clId="{1F0DE0C9-4FC0-C845-BFA7-24CC39DA5F4A}" dt="2023-10-09T14:08:05.701" v="5564" actId="1076"/>
          <ac:spMkLst>
            <pc:docMk/>
            <pc:sldMk cId="464063816" sldId="2147478926"/>
            <ac:spMk id="32" creationId="{6FB68777-EF41-D6A8-B1B3-8965B5EFCB3B}"/>
          </ac:spMkLst>
        </pc:spChg>
        <pc:picChg chg="del mod">
          <ac:chgData name="Arteaga, Marta" userId="7252dfda-6e35-4827-8f3d-812ceb49d8da" providerId="ADAL" clId="{1F0DE0C9-4FC0-C845-BFA7-24CC39DA5F4A}" dt="2023-10-09T09:57:32.308" v="4872" actId="478"/>
          <ac:picMkLst>
            <pc:docMk/>
            <pc:sldMk cId="464063816" sldId="2147478926"/>
            <ac:picMk id="2" creationId="{3EF09CF5-EEFD-B783-6E37-CB96D65917E5}"/>
          </ac:picMkLst>
        </pc:picChg>
        <pc:picChg chg="add del mod">
          <ac:chgData name="Arteaga, Marta" userId="7252dfda-6e35-4827-8f3d-812ceb49d8da" providerId="ADAL" clId="{1F0DE0C9-4FC0-C845-BFA7-24CC39DA5F4A}" dt="2023-10-09T12:27:52.113" v="5359" actId="478"/>
          <ac:picMkLst>
            <pc:docMk/>
            <pc:sldMk cId="464063816" sldId="2147478926"/>
            <ac:picMk id="18" creationId="{509B324D-38D3-6F24-4F46-306DC1B8C919}"/>
          </ac:picMkLst>
        </pc:picChg>
        <pc:picChg chg="add del mod">
          <ac:chgData name="Arteaga, Marta" userId="7252dfda-6e35-4827-8f3d-812ceb49d8da" providerId="ADAL" clId="{1F0DE0C9-4FC0-C845-BFA7-24CC39DA5F4A}" dt="2023-10-09T12:27:52.113" v="5359" actId="478"/>
          <ac:picMkLst>
            <pc:docMk/>
            <pc:sldMk cId="464063816" sldId="2147478926"/>
            <ac:picMk id="19" creationId="{EE845E50-2681-A681-551D-6DEACD35F3F1}"/>
          </ac:picMkLst>
        </pc:picChg>
        <pc:picChg chg="add del mod">
          <ac:chgData name="Arteaga, Marta" userId="7252dfda-6e35-4827-8f3d-812ceb49d8da" providerId="ADAL" clId="{1F0DE0C9-4FC0-C845-BFA7-24CC39DA5F4A}" dt="2023-10-09T12:27:47.165" v="5358" actId="478"/>
          <ac:picMkLst>
            <pc:docMk/>
            <pc:sldMk cId="464063816" sldId="2147478926"/>
            <ac:picMk id="20" creationId="{49765C20-2742-A852-C2F2-5BAD64B4ECA5}"/>
          </ac:picMkLst>
        </pc:picChg>
        <pc:picChg chg="add del mod">
          <ac:chgData name="Arteaga, Marta" userId="7252dfda-6e35-4827-8f3d-812ceb49d8da" providerId="ADAL" clId="{1F0DE0C9-4FC0-C845-BFA7-24CC39DA5F4A}" dt="2023-10-09T13:37:13.985" v="5395" actId="478"/>
          <ac:picMkLst>
            <pc:docMk/>
            <pc:sldMk cId="464063816" sldId="2147478926"/>
            <ac:picMk id="23" creationId="{B0CD8AEB-3A57-4591-443B-E230DC969BF2}"/>
          </ac:picMkLst>
        </pc:picChg>
        <pc:picChg chg="add del mod">
          <ac:chgData name="Arteaga, Marta" userId="7252dfda-6e35-4827-8f3d-812ceb49d8da" providerId="ADAL" clId="{1F0DE0C9-4FC0-C845-BFA7-24CC39DA5F4A}" dt="2023-10-09T13:37:16.434" v="5396" actId="478"/>
          <ac:picMkLst>
            <pc:docMk/>
            <pc:sldMk cId="464063816" sldId="2147478926"/>
            <ac:picMk id="24" creationId="{8C4929FC-4921-81FD-6ABB-59331DA69B82}"/>
          </ac:picMkLst>
        </pc:picChg>
        <pc:picChg chg="add del mod modCrop">
          <ac:chgData name="Arteaga, Marta" userId="7252dfda-6e35-4827-8f3d-812ceb49d8da" providerId="ADAL" clId="{1F0DE0C9-4FC0-C845-BFA7-24CC39DA5F4A}" dt="2023-10-09T13:38:22.208" v="5410" actId="478"/>
          <ac:picMkLst>
            <pc:docMk/>
            <pc:sldMk cId="464063816" sldId="2147478926"/>
            <ac:picMk id="25" creationId="{2D185C26-89C0-8F1C-DB14-2F323523E7AF}"/>
          </ac:picMkLst>
        </pc:picChg>
        <pc:picChg chg="add mod modCrop">
          <ac:chgData name="Arteaga, Marta" userId="7252dfda-6e35-4827-8f3d-812ceb49d8da" providerId="ADAL" clId="{1F0DE0C9-4FC0-C845-BFA7-24CC39DA5F4A}" dt="2023-10-09T14:08:13.319" v="5567" actId="1440"/>
          <ac:picMkLst>
            <pc:docMk/>
            <pc:sldMk cId="464063816" sldId="2147478926"/>
            <ac:picMk id="26" creationId="{CC475072-425A-3DC7-E0CD-073E613B0C13}"/>
          </ac:picMkLst>
        </pc:picChg>
        <pc:picChg chg="add mod">
          <ac:chgData name="Arteaga, Marta" userId="7252dfda-6e35-4827-8f3d-812ceb49d8da" providerId="ADAL" clId="{1F0DE0C9-4FC0-C845-BFA7-24CC39DA5F4A}" dt="2023-10-09T13:38:48.481" v="5418" actId="167"/>
          <ac:picMkLst>
            <pc:docMk/>
            <pc:sldMk cId="464063816" sldId="2147478926"/>
            <ac:picMk id="27" creationId="{E0837248-0EEA-3873-7723-C9FADDDE77B1}"/>
          </ac:picMkLst>
        </pc:picChg>
        <pc:picChg chg="add del mod">
          <ac:chgData name="Arteaga, Marta" userId="7252dfda-6e35-4827-8f3d-812ceb49d8da" providerId="ADAL" clId="{1F0DE0C9-4FC0-C845-BFA7-24CC39DA5F4A}" dt="2023-10-09T13:38:39.329" v="5415" actId="478"/>
          <ac:picMkLst>
            <pc:docMk/>
            <pc:sldMk cId="464063816" sldId="2147478926"/>
            <ac:picMk id="28" creationId="{CD33FE47-CD1C-91F0-F2D4-6D22FEDC0E8C}"/>
          </ac:picMkLst>
        </pc:picChg>
        <pc:cxnChg chg="del mod">
          <ac:chgData name="Arteaga, Marta" userId="7252dfda-6e35-4827-8f3d-812ceb49d8da" providerId="ADAL" clId="{1F0DE0C9-4FC0-C845-BFA7-24CC39DA5F4A}" dt="2023-10-09T12:27:52.113" v="5359" actId="478"/>
          <ac:cxnSpMkLst>
            <pc:docMk/>
            <pc:sldMk cId="464063816" sldId="2147478926"/>
            <ac:cxnSpMk id="10" creationId="{6952D124-DCB7-23B6-96E6-6DE96AC83753}"/>
          </ac:cxnSpMkLst>
        </pc:cxnChg>
        <pc:cxnChg chg="del">
          <ac:chgData name="Arteaga, Marta" userId="7252dfda-6e35-4827-8f3d-812ceb49d8da" providerId="ADAL" clId="{1F0DE0C9-4FC0-C845-BFA7-24CC39DA5F4A}" dt="2023-10-09T12:27:52.113" v="5359" actId="478"/>
          <ac:cxnSpMkLst>
            <pc:docMk/>
            <pc:sldMk cId="464063816" sldId="2147478926"/>
            <ac:cxnSpMk id="11" creationId="{AE5E83E6-D886-F0F1-D8A8-086D06648EB6}"/>
          </ac:cxnSpMkLst>
        </pc:cxnChg>
        <pc:cxnChg chg="del">
          <ac:chgData name="Arteaga, Marta" userId="7252dfda-6e35-4827-8f3d-812ceb49d8da" providerId="ADAL" clId="{1F0DE0C9-4FC0-C845-BFA7-24CC39DA5F4A}" dt="2023-10-09T12:27:52.113" v="5359" actId="478"/>
          <ac:cxnSpMkLst>
            <pc:docMk/>
            <pc:sldMk cId="464063816" sldId="2147478926"/>
            <ac:cxnSpMk id="12" creationId="{3E03EBFC-10CC-3035-87C9-FE2D9B228600}"/>
          </ac:cxnSpMkLst>
        </pc:cxnChg>
      </pc:sldChg>
      <pc:sldChg chg="addSp delSp modSp add mod setBg modShow modNotesTx">
        <pc:chgData name="Arteaga, Marta" userId="7252dfda-6e35-4827-8f3d-812ceb49d8da" providerId="ADAL" clId="{1F0DE0C9-4FC0-C845-BFA7-24CC39DA5F4A}" dt="2023-10-09T14:26:23.708" v="6062" actId="729"/>
        <pc:sldMkLst>
          <pc:docMk/>
          <pc:sldMk cId="258331645" sldId="2147482867"/>
        </pc:sldMkLst>
        <pc:spChg chg="add mod">
          <ac:chgData name="Arteaga, Marta" userId="7252dfda-6e35-4827-8f3d-812ceb49d8da" providerId="ADAL" clId="{1F0DE0C9-4FC0-C845-BFA7-24CC39DA5F4A}" dt="2023-10-09T11:58:50.477" v="5191" actId="1076"/>
          <ac:spMkLst>
            <pc:docMk/>
            <pc:sldMk cId="258331645" sldId="2147482867"/>
            <ac:spMk id="3" creationId="{FA48E183-E8A5-BF46-6B7F-A607F9212A3D}"/>
          </ac:spMkLst>
        </pc:spChg>
        <pc:spChg chg="add 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4" creationId="{9DE379ED-76AE-C1FA-4A1F-8BCFF0A0DC8A}"/>
          </ac:spMkLst>
        </pc:spChg>
        <pc:spChg chg="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5" creationId="{C80FD046-C495-6F59-604B-C05AAFC5A093}"/>
          </ac:spMkLst>
        </pc:spChg>
        <pc:spChg chg="mod">
          <ac:chgData name="Arteaga, Marta" userId="7252dfda-6e35-4827-8f3d-812ceb49d8da" providerId="ADAL" clId="{1F0DE0C9-4FC0-C845-BFA7-24CC39DA5F4A}" dt="2023-10-09T11:57:04.603" v="5168" actId="403"/>
          <ac:spMkLst>
            <pc:docMk/>
            <pc:sldMk cId="258331645" sldId="2147482867"/>
            <ac:spMk id="6" creationId="{245EEEC1-95E9-84AB-754C-79001E90B830}"/>
          </ac:spMkLst>
        </pc:spChg>
        <pc:spChg chg="add 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7" creationId="{855F0D21-9805-E0D0-A9AD-E8D7CB5FA0BC}"/>
          </ac:spMkLst>
        </pc:spChg>
        <pc:spChg chg="add 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8" creationId="{E7DAB54F-7692-0DB2-FA28-5F31FE42477B}"/>
          </ac:spMkLst>
        </pc:spChg>
        <pc:spChg chg="add del mod">
          <ac:chgData name="Arteaga, Marta" userId="7252dfda-6e35-4827-8f3d-812ceb49d8da" providerId="ADAL" clId="{1F0DE0C9-4FC0-C845-BFA7-24CC39DA5F4A}" dt="2023-10-09T12:13:52.811" v="5298" actId="478"/>
          <ac:spMkLst>
            <pc:docMk/>
            <pc:sldMk cId="258331645" sldId="2147482867"/>
            <ac:spMk id="9" creationId="{2948CD22-32FA-B1E0-85F6-CDEF45AF3E90}"/>
          </ac:spMkLst>
        </pc:spChg>
        <pc:spChg chg="add del mod">
          <ac:chgData name="Arteaga, Marta" userId="7252dfda-6e35-4827-8f3d-812ceb49d8da" providerId="ADAL" clId="{1F0DE0C9-4FC0-C845-BFA7-24CC39DA5F4A}" dt="2023-10-09T12:13:52.811" v="5298" actId="478"/>
          <ac:spMkLst>
            <pc:docMk/>
            <pc:sldMk cId="258331645" sldId="2147482867"/>
            <ac:spMk id="10" creationId="{92F05A91-9283-FA13-B5E7-124ADD91AD48}"/>
          </ac:spMkLst>
        </pc:spChg>
        <pc:spChg chg="del mod">
          <ac:chgData name="Arteaga, Marta" userId="7252dfda-6e35-4827-8f3d-812ceb49d8da" providerId="ADAL" clId="{1F0DE0C9-4FC0-C845-BFA7-24CC39DA5F4A}" dt="2023-10-09T11:57:39.032" v="5172" actId="478"/>
          <ac:spMkLst>
            <pc:docMk/>
            <pc:sldMk cId="258331645" sldId="2147482867"/>
            <ac:spMk id="11" creationId="{9A0C0EEB-40C3-6F58-A914-8574F9A61C78}"/>
          </ac:spMkLst>
        </pc:spChg>
        <pc:spChg chg="mod">
          <ac:chgData name="Arteaga, Marta" userId="7252dfda-6e35-4827-8f3d-812ceb49d8da" providerId="ADAL" clId="{1F0DE0C9-4FC0-C845-BFA7-24CC39DA5F4A}" dt="2023-10-09T11:58:22.350" v="5182" actId="207"/>
          <ac:spMkLst>
            <pc:docMk/>
            <pc:sldMk cId="258331645" sldId="2147482867"/>
            <ac:spMk id="12" creationId="{E03CBF80-967C-6E1C-D48C-27DA43258E1B}"/>
          </ac:spMkLst>
        </pc:spChg>
        <pc:spChg chg="del mod">
          <ac:chgData name="Arteaga, Marta" userId="7252dfda-6e35-4827-8f3d-812ceb49d8da" providerId="ADAL" clId="{1F0DE0C9-4FC0-C845-BFA7-24CC39DA5F4A}" dt="2023-10-09T11:57:51.183" v="5177" actId="478"/>
          <ac:spMkLst>
            <pc:docMk/>
            <pc:sldMk cId="258331645" sldId="2147482867"/>
            <ac:spMk id="13" creationId="{0676BD97-C9A6-29E7-8E22-61B2E0A05264}"/>
          </ac:spMkLst>
        </pc:spChg>
        <pc:spChg chg="add del mod">
          <ac:chgData name="Arteaga, Marta" userId="7252dfda-6e35-4827-8f3d-812ceb49d8da" providerId="ADAL" clId="{1F0DE0C9-4FC0-C845-BFA7-24CC39DA5F4A}" dt="2023-10-09T12:13:52.811" v="5298" actId="478"/>
          <ac:spMkLst>
            <pc:docMk/>
            <pc:sldMk cId="258331645" sldId="2147482867"/>
            <ac:spMk id="14" creationId="{84845452-8CB0-1FFB-7C27-6014AA5E4F47}"/>
          </ac:spMkLst>
        </pc:spChg>
        <pc:spChg chg="add del mod">
          <ac:chgData name="Arteaga, Marta" userId="7252dfda-6e35-4827-8f3d-812ceb49d8da" providerId="ADAL" clId="{1F0DE0C9-4FC0-C845-BFA7-24CC39DA5F4A}" dt="2023-10-09T12:13:52.811" v="5298" actId="478"/>
          <ac:spMkLst>
            <pc:docMk/>
            <pc:sldMk cId="258331645" sldId="2147482867"/>
            <ac:spMk id="15" creationId="{B35B55B5-E442-C22B-7501-35E32E01C175}"/>
          </ac:spMkLst>
        </pc:spChg>
        <pc:spChg chg="mod">
          <ac:chgData name="Arteaga, Marta" userId="7252dfda-6e35-4827-8f3d-812ceb49d8da" providerId="ADAL" clId="{1F0DE0C9-4FC0-C845-BFA7-24CC39DA5F4A}" dt="2023-10-09T11:57:04.603" v="5168" actId="403"/>
          <ac:spMkLst>
            <pc:docMk/>
            <pc:sldMk cId="258331645" sldId="2147482867"/>
            <ac:spMk id="16" creationId="{330F9A90-5BC8-5304-3895-0CBB52F6F731}"/>
          </ac:spMkLst>
        </pc:spChg>
        <pc:spChg chg="add del mod">
          <ac:chgData name="Arteaga, Marta" userId="7252dfda-6e35-4827-8f3d-812ceb49d8da" providerId="ADAL" clId="{1F0DE0C9-4FC0-C845-BFA7-24CC39DA5F4A}" dt="2023-10-09T12:13:52.811" v="5298" actId="478"/>
          <ac:spMkLst>
            <pc:docMk/>
            <pc:sldMk cId="258331645" sldId="2147482867"/>
            <ac:spMk id="17" creationId="{331DEF0D-5311-7928-5926-1F9AA153F481}"/>
          </ac:spMkLst>
        </pc:spChg>
        <pc:spChg chg="mod">
          <ac:chgData name="Arteaga, Marta" userId="7252dfda-6e35-4827-8f3d-812ceb49d8da" providerId="ADAL" clId="{1F0DE0C9-4FC0-C845-BFA7-24CC39DA5F4A}" dt="2023-10-09T11:57:04.603" v="5168" actId="403"/>
          <ac:spMkLst>
            <pc:docMk/>
            <pc:sldMk cId="258331645" sldId="2147482867"/>
            <ac:spMk id="18" creationId="{1811ACD6-6EE7-6257-1F2F-92311D281F7F}"/>
          </ac:spMkLst>
        </pc:spChg>
        <pc:spChg chg="mod">
          <ac:chgData name="Arteaga, Marta" userId="7252dfda-6e35-4827-8f3d-812ceb49d8da" providerId="ADAL" clId="{1F0DE0C9-4FC0-C845-BFA7-24CC39DA5F4A}" dt="2023-10-09T11:58:15.872" v="5180" actId="207"/>
          <ac:spMkLst>
            <pc:docMk/>
            <pc:sldMk cId="258331645" sldId="2147482867"/>
            <ac:spMk id="22" creationId="{64ED8999-DC4E-AA6E-70CF-FC1F925E6D38}"/>
          </ac:spMkLst>
        </pc:spChg>
        <pc:spChg chg="mod">
          <ac:chgData name="Arteaga, Marta" userId="7252dfda-6e35-4827-8f3d-812ceb49d8da" providerId="ADAL" clId="{1F0DE0C9-4FC0-C845-BFA7-24CC39DA5F4A}" dt="2023-10-09T11:58:26.676" v="5183" actId="207"/>
          <ac:spMkLst>
            <pc:docMk/>
            <pc:sldMk cId="258331645" sldId="2147482867"/>
            <ac:spMk id="24" creationId="{EC4C75B3-8002-2A2C-35D0-14E406922A3C}"/>
          </ac:spMkLst>
        </pc:spChg>
        <pc:spChg chg="mod">
          <ac:chgData name="Arteaga, Marta" userId="7252dfda-6e35-4827-8f3d-812ceb49d8da" providerId="ADAL" clId="{1F0DE0C9-4FC0-C845-BFA7-24CC39DA5F4A}" dt="2023-10-09T11:55:59.378" v="5158" actId="404"/>
          <ac:spMkLst>
            <pc:docMk/>
            <pc:sldMk cId="258331645" sldId="2147482867"/>
            <ac:spMk id="25" creationId="{5A00F886-A637-36AB-7C85-6E22B5C25F59}"/>
          </ac:spMkLst>
        </pc:spChg>
        <pc:spChg chg="mod">
          <ac:chgData name="Arteaga, Marta" userId="7252dfda-6e35-4827-8f3d-812ceb49d8da" providerId="ADAL" clId="{1F0DE0C9-4FC0-C845-BFA7-24CC39DA5F4A}" dt="2023-10-09T11:57:34.296" v="5171" actId="14100"/>
          <ac:spMkLst>
            <pc:docMk/>
            <pc:sldMk cId="258331645" sldId="2147482867"/>
            <ac:spMk id="26" creationId="{88871ACD-3175-8045-5EC2-18C610069572}"/>
          </ac:spMkLst>
        </pc:spChg>
        <pc:spChg chg="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42" creationId="{1F944867-474D-C51F-B292-EB8440F92878}"/>
          </ac:spMkLst>
        </pc:spChg>
        <pc:spChg chg="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44" creationId="{C9608822-DF06-F975-80FE-8D897EDE08F5}"/>
          </ac:spMkLst>
        </pc:spChg>
        <pc:spChg chg="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45" creationId="{238310C9-97CD-F3D1-1B63-809DD5191774}"/>
          </ac:spMkLst>
        </pc:spChg>
        <pc:spChg chg="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48" creationId="{14586E9F-46B6-A0D3-51F1-E47828E9B0B7}"/>
          </ac:spMkLst>
        </pc:spChg>
        <pc:spChg chg="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50" creationId="{D5AFB12C-CECD-12AF-40EE-504F1F572332}"/>
          </ac:spMkLst>
        </pc:spChg>
        <pc:spChg chg="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52" creationId="{FE6DCE5D-A8D4-8AB2-4412-8B7B74A17244}"/>
          </ac:spMkLst>
        </pc:spChg>
        <pc:spChg chg="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65" creationId="{39184FFA-B5C3-6C24-B8DF-799C02A194CB}"/>
          </ac:spMkLst>
        </pc:spChg>
        <pc:spChg chg="mod">
          <ac:chgData name="Arteaga, Marta" userId="7252dfda-6e35-4827-8f3d-812ceb49d8da" providerId="ADAL" clId="{1F0DE0C9-4FC0-C845-BFA7-24CC39DA5F4A}" dt="2023-10-09T12:01:06.028" v="5295" actId="1076"/>
          <ac:spMkLst>
            <pc:docMk/>
            <pc:sldMk cId="258331645" sldId="2147482867"/>
            <ac:spMk id="67" creationId="{395ABDFC-6B1A-3573-2308-3FC0C46E421D}"/>
          </ac:spMkLst>
        </pc:spChg>
        <pc:spChg chg="mod">
          <ac:chgData name="Arteaga, Marta" userId="7252dfda-6e35-4827-8f3d-812ceb49d8da" providerId="ADAL" clId="{1F0DE0C9-4FC0-C845-BFA7-24CC39DA5F4A}" dt="2023-10-09T14:25:45.651" v="6012" actId="1035"/>
          <ac:spMkLst>
            <pc:docMk/>
            <pc:sldMk cId="258331645" sldId="2147482867"/>
            <ac:spMk id="68" creationId="{C3E20574-8336-DC5A-2FBD-E98A3BDF35E2}"/>
          </ac:spMkLst>
        </pc:spChg>
        <pc:spChg chg="del mod">
          <ac:chgData name="Arteaga, Marta" userId="7252dfda-6e35-4827-8f3d-812ceb49d8da" providerId="ADAL" clId="{1F0DE0C9-4FC0-C845-BFA7-24CC39DA5F4A}" dt="2023-10-09T12:01:11.431" v="5296" actId="478"/>
          <ac:spMkLst>
            <pc:docMk/>
            <pc:sldMk cId="258331645" sldId="2147482867"/>
            <ac:spMk id="75" creationId="{CEE047EE-C9CA-B5F1-0923-A07ED488FA01}"/>
          </ac:spMkLst>
        </pc:spChg>
        <pc:grpChg chg="add del mod">
          <ac:chgData name="Arteaga, Marta" userId="7252dfda-6e35-4827-8f3d-812ceb49d8da" providerId="ADAL" clId="{1F0DE0C9-4FC0-C845-BFA7-24CC39DA5F4A}" dt="2023-10-09T14:25:45.651" v="6012" actId="1035"/>
          <ac:grpSpMkLst>
            <pc:docMk/>
            <pc:sldMk cId="258331645" sldId="2147482867"/>
            <ac:grpSpMk id="40" creationId="{587AE700-7C9F-EDDC-14D9-5B93BAB33C1E}"/>
          </ac:grpSpMkLst>
        </pc:grpChg>
        <pc:picChg chg="add mod">
          <ac:chgData name="Arteaga, Marta" userId="7252dfda-6e35-4827-8f3d-812ceb49d8da" providerId="ADAL" clId="{1F0DE0C9-4FC0-C845-BFA7-24CC39DA5F4A}" dt="2023-10-09T11:55:27.551" v="5152" actId="1076"/>
          <ac:picMkLst>
            <pc:docMk/>
            <pc:sldMk cId="258331645" sldId="2147482867"/>
            <ac:picMk id="2" creationId="{5DD21A8F-9DAE-4813-CD4E-4BBE15951696}"/>
          </ac:picMkLst>
        </pc:picChg>
        <pc:picChg chg="mod">
          <ac:chgData name="Arteaga, Marta" userId="7252dfda-6e35-4827-8f3d-812ceb49d8da" providerId="ADAL" clId="{1F0DE0C9-4FC0-C845-BFA7-24CC39DA5F4A}" dt="2023-10-09T14:25:45.651" v="6012" actId="1035"/>
          <ac:picMkLst>
            <pc:docMk/>
            <pc:sldMk cId="258331645" sldId="2147482867"/>
            <ac:picMk id="41" creationId="{DB346949-C7A1-D048-C411-794660997A01}"/>
          </ac:picMkLst>
        </pc:picChg>
        <pc:picChg chg="mod">
          <ac:chgData name="Arteaga, Marta" userId="7252dfda-6e35-4827-8f3d-812ceb49d8da" providerId="ADAL" clId="{1F0DE0C9-4FC0-C845-BFA7-24CC39DA5F4A}" dt="2023-10-09T14:25:45.651" v="6012" actId="1035"/>
          <ac:picMkLst>
            <pc:docMk/>
            <pc:sldMk cId="258331645" sldId="2147482867"/>
            <ac:picMk id="46" creationId="{0FE74093-2DE6-DADD-E239-CB4612B86350}"/>
          </ac:picMkLst>
        </pc:picChg>
        <pc:picChg chg="mod">
          <ac:chgData name="Arteaga, Marta" userId="7252dfda-6e35-4827-8f3d-812ceb49d8da" providerId="ADAL" clId="{1F0DE0C9-4FC0-C845-BFA7-24CC39DA5F4A}" dt="2023-10-09T14:25:45.651" v="6012" actId="1035"/>
          <ac:picMkLst>
            <pc:docMk/>
            <pc:sldMk cId="258331645" sldId="2147482867"/>
            <ac:picMk id="66" creationId="{3B5CD7AF-1947-6802-0132-350F50A0A7E3}"/>
          </ac:picMkLst>
        </pc:picChg>
        <pc:cxnChg chg="del">
          <ac:chgData name="Arteaga, Marta" userId="7252dfda-6e35-4827-8f3d-812ceb49d8da" providerId="ADAL" clId="{1F0DE0C9-4FC0-C845-BFA7-24CC39DA5F4A}" dt="2023-10-09T11:56:18.100" v="5159" actId="478"/>
          <ac:cxnSpMkLst>
            <pc:docMk/>
            <pc:sldMk cId="258331645" sldId="2147482867"/>
            <ac:cxnSpMk id="56" creationId="{3314D330-8145-040B-8254-4D7E7501B2E0}"/>
          </ac:cxnSpMkLst>
        </pc:cxnChg>
      </pc:sldChg>
      <pc:sldChg chg="del">
        <pc:chgData name="Arteaga, Marta" userId="7252dfda-6e35-4827-8f3d-812ceb49d8da" providerId="ADAL" clId="{1F0DE0C9-4FC0-C845-BFA7-24CC39DA5F4A}" dt="2023-10-03T10:28:47.446" v="839" actId="2696"/>
        <pc:sldMkLst>
          <pc:docMk/>
          <pc:sldMk cId="3071148215" sldId="2147483200"/>
        </pc:sldMkLst>
      </pc:sldChg>
      <pc:sldChg chg="addSp delSp modSp mod ord">
        <pc:chgData name="Arteaga, Marta" userId="7252dfda-6e35-4827-8f3d-812ceb49d8da" providerId="ADAL" clId="{1F0DE0C9-4FC0-C845-BFA7-24CC39DA5F4A}" dt="2023-10-10T08:13:16.960" v="6307" actId="167"/>
        <pc:sldMkLst>
          <pc:docMk/>
          <pc:sldMk cId="1917811212" sldId="2147483201"/>
        </pc:sldMkLst>
        <pc:spChg chg="add mod">
          <ac:chgData name="Arteaga, Marta" userId="7252dfda-6e35-4827-8f3d-812ceb49d8da" providerId="ADAL" clId="{1F0DE0C9-4FC0-C845-BFA7-24CC39DA5F4A}" dt="2023-10-09T11:30:23.634" v="5086" actId="1076"/>
          <ac:spMkLst>
            <pc:docMk/>
            <pc:sldMk cId="1917811212" sldId="2147483201"/>
            <ac:spMk id="3" creationId="{025484F5-F6B1-3B10-1E54-40D0927FA2C2}"/>
          </ac:spMkLst>
        </pc:spChg>
        <pc:spChg chg="add mod">
          <ac:chgData name="Arteaga, Marta" userId="7252dfda-6e35-4827-8f3d-812ceb49d8da" providerId="ADAL" clId="{1F0DE0C9-4FC0-C845-BFA7-24CC39DA5F4A}" dt="2023-10-09T15:07:22.501" v="6249" actId="20577"/>
          <ac:spMkLst>
            <pc:docMk/>
            <pc:sldMk cId="1917811212" sldId="2147483201"/>
            <ac:spMk id="4" creationId="{9B95174E-FC04-A6BB-0F1B-B00E5E4895C4}"/>
          </ac:spMkLst>
        </pc:spChg>
        <pc:spChg chg="mod">
          <ac:chgData name="Arteaga, Marta" userId="7252dfda-6e35-4827-8f3d-812ceb49d8da" providerId="ADAL" clId="{1F0DE0C9-4FC0-C845-BFA7-24CC39DA5F4A}" dt="2023-10-09T11:30:28.506" v="5087" actId="1076"/>
          <ac:spMkLst>
            <pc:docMk/>
            <pc:sldMk cId="1917811212" sldId="2147483201"/>
            <ac:spMk id="7" creationId="{BF7253DD-E1D5-549E-0E2E-F3AE15337447}"/>
          </ac:spMkLst>
        </pc:spChg>
        <pc:spChg chg="del">
          <ac:chgData name="Arteaga, Marta" userId="7252dfda-6e35-4827-8f3d-812ceb49d8da" providerId="ADAL" clId="{1F0DE0C9-4FC0-C845-BFA7-24CC39DA5F4A}" dt="2023-10-03T10:28:49.718" v="840" actId="478"/>
          <ac:spMkLst>
            <pc:docMk/>
            <pc:sldMk cId="1917811212" sldId="2147483201"/>
            <ac:spMk id="14" creationId="{75BB8614-4434-EF93-5DDC-BDAD2EB3923F}"/>
          </ac:spMkLst>
        </pc:spChg>
        <pc:spChg chg="add del mod">
          <ac:chgData name="Arteaga, Marta" userId="7252dfda-6e35-4827-8f3d-812ceb49d8da" providerId="ADAL" clId="{1F0DE0C9-4FC0-C845-BFA7-24CC39DA5F4A}" dt="2023-10-09T14:17:19.197" v="5892" actId="478"/>
          <ac:spMkLst>
            <pc:docMk/>
            <pc:sldMk cId="1917811212" sldId="2147483201"/>
            <ac:spMk id="17" creationId="{7E7DCB46-123B-DE7A-680B-9C3B1EDCEDF3}"/>
          </ac:spMkLst>
        </pc:spChg>
        <pc:grpChg chg="add del mod">
          <ac:chgData name="Arteaga, Marta" userId="7252dfda-6e35-4827-8f3d-812ceb49d8da" providerId="ADAL" clId="{1F0DE0C9-4FC0-C845-BFA7-24CC39DA5F4A}" dt="2023-10-09T14:24:22.103" v="5985" actId="478"/>
          <ac:grpSpMkLst>
            <pc:docMk/>
            <pc:sldMk cId="1917811212" sldId="2147483201"/>
            <ac:grpSpMk id="14" creationId="{7B6B556D-4EAD-7F31-6CB4-4666FE88EF94}"/>
          </ac:grpSpMkLst>
        </pc:grpChg>
        <pc:picChg chg="add mod">
          <ac:chgData name="Arteaga, Marta" userId="7252dfda-6e35-4827-8f3d-812ceb49d8da" providerId="ADAL" clId="{1F0DE0C9-4FC0-C845-BFA7-24CC39DA5F4A}" dt="2023-10-06T12:09:35.187" v="3209" actId="1076"/>
          <ac:picMkLst>
            <pc:docMk/>
            <pc:sldMk cId="1917811212" sldId="2147483201"/>
            <ac:picMk id="2" creationId="{CD32822A-6434-0F62-F3EE-264E137F933C}"/>
          </ac:picMkLst>
        </pc:picChg>
        <pc:picChg chg="del">
          <ac:chgData name="Arteaga, Marta" userId="7252dfda-6e35-4827-8f3d-812ceb49d8da" providerId="ADAL" clId="{1F0DE0C9-4FC0-C845-BFA7-24CC39DA5F4A}" dt="2023-10-06T12:09:28.585" v="3207" actId="478"/>
          <ac:picMkLst>
            <pc:docMk/>
            <pc:sldMk cId="1917811212" sldId="2147483201"/>
            <ac:picMk id="4" creationId="{2D0974E2-474E-2C10-0BFF-A77B3DD2792C}"/>
          </ac:picMkLst>
        </pc:picChg>
        <pc:picChg chg="mod">
          <ac:chgData name="Arteaga, Marta" userId="7252dfda-6e35-4827-8f3d-812ceb49d8da" providerId="ADAL" clId="{1F0DE0C9-4FC0-C845-BFA7-24CC39DA5F4A}" dt="2023-10-06T12:28:48.067" v="4218" actId="1076"/>
          <ac:picMkLst>
            <pc:docMk/>
            <pc:sldMk cId="1917811212" sldId="2147483201"/>
            <ac:picMk id="5" creationId="{34C03928-BFC8-027C-E147-AD3B52C07C4A}"/>
          </ac:picMkLst>
        </pc:picChg>
        <pc:picChg chg="add del mod">
          <ac:chgData name="Arteaga, Marta" userId="7252dfda-6e35-4827-8f3d-812ceb49d8da" providerId="ADAL" clId="{1F0DE0C9-4FC0-C845-BFA7-24CC39DA5F4A}" dt="2023-10-06T14:31:03.639" v="4390" actId="478"/>
          <ac:picMkLst>
            <pc:docMk/>
            <pc:sldMk cId="1917811212" sldId="2147483201"/>
            <ac:picMk id="6" creationId="{DF90E9E0-D91E-AD39-322B-D68C4A4CBA12}"/>
          </ac:picMkLst>
        </pc:picChg>
        <pc:picChg chg="add mod">
          <ac:chgData name="Arteaga, Marta" userId="7252dfda-6e35-4827-8f3d-812ceb49d8da" providerId="ADAL" clId="{1F0DE0C9-4FC0-C845-BFA7-24CC39DA5F4A}" dt="2023-10-10T08:13:16.960" v="6307" actId="167"/>
          <ac:picMkLst>
            <pc:docMk/>
            <pc:sldMk cId="1917811212" sldId="2147483201"/>
            <ac:picMk id="8" creationId="{ECBFC8CD-55EA-E3A3-98A0-DF153F4753D6}"/>
          </ac:picMkLst>
        </pc:picChg>
        <pc:picChg chg="del mod">
          <ac:chgData name="Arteaga, Marta" userId="7252dfda-6e35-4827-8f3d-812ceb49d8da" providerId="ADAL" clId="{1F0DE0C9-4FC0-C845-BFA7-24CC39DA5F4A}" dt="2023-10-10T08:13:12.584" v="6305" actId="478"/>
          <ac:picMkLst>
            <pc:docMk/>
            <pc:sldMk cId="1917811212" sldId="2147483201"/>
            <ac:picMk id="13" creationId="{B62A9CAF-FA99-B0D6-B594-308E00EF6AA1}"/>
          </ac:picMkLst>
        </pc:picChg>
        <pc:cxnChg chg="add del mod">
          <ac:chgData name="Arteaga, Marta" userId="7252dfda-6e35-4827-8f3d-812ceb49d8da" providerId="ADAL" clId="{1F0DE0C9-4FC0-C845-BFA7-24CC39DA5F4A}" dt="2023-10-06T12:10:40.168" v="3227" actId="21"/>
          <ac:cxnSpMkLst>
            <pc:docMk/>
            <pc:sldMk cId="1917811212" sldId="2147483201"/>
            <ac:cxnSpMk id="3" creationId="{45DF4825-05EA-CAA2-9484-D03ACB8D25EA}"/>
          </ac:cxnSpMkLst>
        </pc:cxnChg>
        <pc:cxnChg chg="add mod">
          <ac:chgData name="Arteaga, Marta" userId="7252dfda-6e35-4827-8f3d-812ceb49d8da" providerId="ADAL" clId="{1F0DE0C9-4FC0-C845-BFA7-24CC39DA5F4A}" dt="2023-10-09T15:07:44.456" v="6250" actId="1076"/>
          <ac:cxnSpMkLst>
            <pc:docMk/>
            <pc:sldMk cId="1917811212" sldId="2147483201"/>
            <ac:cxnSpMk id="6" creationId="{76B5FE1C-0E0E-AF47-D5FA-6A9FE22B87BD}"/>
          </ac:cxnSpMkLst>
        </pc:cxnChg>
        <pc:cxnChg chg="add del mod">
          <ac:chgData name="Arteaga, Marta" userId="7252dfda-6e35-4827-8f3d-812ceb49d8da" providerId="ADAL" clId="{1F0DE0C9-4FC0-C845-BFA7-24CC39DA5F4A}" dt="2023-10-06T14:31:05.619" v="4391" actId="478"/>
          <ac:cxnSpMkLst>
            <pc:docMk/>
            <pc:sldMk cId="1917811212" sldId="2147483201"/>
            <ac:cxnSpMk id="9" creationId="{736E088D-DA4A-EC8F-50E5-15434D406AE1}"/>
          </ac:cxnSpMkLst>
        </pc:cxnChg>
        <pc:cxnChg chg="add del mod">
          <ac:chgData name="Arteaga, Marta" userId="7252dfda-6e35-4827-8f3d-812ceb49d8da" providerId="ADAL" clId="{1F0DE0C9-4FC0-C845-BFA7-24CC39DA5F4A}" dt="2023-10-06T14:31:06.674" v="4392" actId="478"/>
          <ac:cxnSpMkLst>
            <pc:docMk/>
            <pc:sldMk cId="1917811212" sldId="2147483201"/>
            <ac:cxnSpMk id="10" creationId="{B550C38A-33F8-AA35-29B6-1645544478E3}"/>
          </ac:cxnSpMkLst>
        </pc:cxnChg>
        <pc:cxnChg chg="mod">
          <ac:chgData name="Arteaga, Marta" userId="7252dfda-6e35-4827-8f3d-812ceb49d8da" providerId="ADAL" clId="{1F0DE0C9-4FC0-C845-BFA7-24CC39DA5F4A}" dt="2023-10-06T14:31:07.814" v="4393"/>
          <ac:cxnSpMkLst>
            <pc:docMk/>
            <pc:sldMk cId="1917811212" sldId="2147483201"/>
            <ac:cxnSpMk id="15" creationId="{C54035FF-496A-65FA-AEBE-882DFDC99CAD}"/>
          </ac:cxnSpMkLst>
        </pc:cxnChg>
        <pc:cxnChg chg="mod">
          <ac:chgData name="Arteaga, Marta" userId="7252dfda-6e35-4827-8f3d-812ceb49d8da" providerId="ADAL" clId="{1F0DE0C9-4FC0-C845-BFA7-24CC39DA5F4A}" dt="2023-10-06T14:31:07.814" v="4393"/>
          <ac:cxnSpMkLst>
            <pc:docMk/>
            <pc:sldMk cId="1917811212" sldId="2147483201"/>
            <ac:cxnSpMk id="16" creationId="{CB94EA41-AE75-E22B-5713-C481D74A691C}"/>
          </ac:cxnSpMkLst>
        </pc:cxnChg>
      </pc:sldChg>
      <pc:sldChg chg="addSp delSp modSp mod">
        <pc:chgData name="Arteaga, Marta" userId="7252dfda-6e35-4827-8f3d-812ceb49d8da" providerId="ADAL" clId="{1F0DE0C9-4FC0-C845-BFA7-24CC39DA5F4A}" dt="2023-10-10T08:12:19.751" v="6297" actId="167"/>
        <pc:sldMkLst>
          <pc:docMk/>
          <pc:sldMk cId="1072180587" sldId="2147483202"/>
        </pc:sldMkLst>
        <pc:spChg chg="add mod">
          <ac:chgData name="Arteaga, Marta" userId="7252dfda-6e35-4827-8f3d-812ceb49d8da" providerId="ADAL" clId="{1F0DE0C9-4FC0-C845-BFA7-24CC39DA5F4A}" dt="2023-10-09T11:29:21.835" v="5077" actId="1076"/>
          <ac:spMkLst>
            <pc:docMk/>
            <pc:sldMk cId="1072180587" sldId="2147483202"/>
            <ac:spMk id="4" creationId="{25402E92-C666-85F5-E29D-3260B2B9B3D6}"/>
          </ac:spMkLst>
        </pc:spChg>
        <pc:spChg chg="add mod">
          <ac:chgData name="Arteaga, Marta" userId="7252dfda-6e35-4827-8f3d-812ceb49d8da" providerId="ADAL" clId="{1F0DE0C9-4FC0-C845-BFA7-24CC39DA5F4A}" dt="2023-10-09T15:06:55.602" v="6233"/>
          <ac:spMkLst>
            <pc:docMk/>
            <pc:sldMk cId="1072180587" sldId="2147483202"/>
            <ac:spMk id="6" creationId="{779AC99E-842F-7830-E880-5C08E85A6EDA}"/>
          </ac:spMkLst>
        </pc:spChg>
        <pc:spChg chg="mod">
          <ac:chgData name="Arteaga, Marta" userId="7252dfda-6e35-4827-8f3d-812ceb49d8da" providerId="ADAL" clId="{1F0DE0C9-4FC0-C845-BFA7-24CC39DA5F4A}" dt="2023-10-09T15:01:08.690" v="6097" actId="20577"/>
          <ac:spMkLst>
            <pc:docMk/>
            <pc:sldMk cId="1072180587" sldId="2147483202"/>
            <ac:spMk id="7" creationId="{BF7253DD-E1D5-549E-0E2E-F3AE15337447}"/>
          </ac:spMkLst>
        </pc:spChg>
        <pc:spChg chg="add del mod">
          <ac:chgData name="Arteaga, Marta" userId="7252dfda-6e35-4827-8f3d-812ceb49d8da" providerId="ADAL" clId="{1F0DE0C9-4FC0-C845-BFA7-24CC39DA5F4A}" dt="2023-10-09T14:17:08.988" v="5889" actId="478"/>
          <ac:spMkLst>
            <pc:docMk/>
            <pc:sldMk cId="1072180587" sldId="2147483202"/>
            <ac:spMk id="15" creationId="{072356D4-31C8-D54E-343D-9EC057E1275D}"/>
          </ac:spMkLst>
        </pc:spChg>
        <pc:grpChg chg="add del mod">
          <ac:chgData name="Arteaga, Marta" userId="7252dfda-6e35-4827-8f3d-812ceb49d8da" providerId="ADAL" clId="{1F0DE0C9-4FC0-C845-BFA7-24CC39DA5F4A}" dt="2023-10-09T14:24:11.574" v="5984" actId="478"/>
          <ac:grpSpMkLst>
            <pc:docMk/>
            <pc:sldMk cId="1072180587" sldId="2147483202"/>
            <ac:grpSpMk id="16" creationId="{FC874FB9-5379-3E1C-A96F-C3E6076CC97F}"/>
          </ac:grpSpMkLst>
        </pc:grpChg>
        <pc:picChg chg="add mod">
          <ac:chgData name="Arteaga, Marta" userId="7252dfda-6e35-4827-8f3d-812ceb49d8da" providerId="ADAL" clId="{1F0DE0C9-4FC0-C845-BFA7-24CC39DA5F4A}" dt="2023-10-06T12:09:44.252" v="3212" actId="1076"/>
          <ac:picMkLst>
            <pc:docMk/>
            <pc:sldMk cId="1072180587" sldId="2147483202"/>
            <ac:picMk id="2" creationId="{21CCEECB-D732-EAE5-645C-2FFF9DF2F182}"/>
          </ac:picMkLst>
        </pc:picChg>
        <pc:picChg chg="del mod">
          <ac:chgData name="Arteaga, Marta" userId="7252dfda-6e35-4827-8f3d-812ceb49d8da" providerId="ADAL" clId="{1F0DE0C9-4FC0-C845-BFA7-24CC39DA5F4A}" dt="2023-10-10T08:12:11.828" v="6295" actId="478"/>
          <ac:picMkLst>
            <pc:docMk/>
            <pc:sldMk cId="1072180587" sldId="2147483202"/>
            <ac:picMk id="3" creationId="{C436CBE9-6CC0-CAC6-8B8E-C2975FF8AA5C}"/>
          </ac:picMkLst>
        </pc:picChg>
        <pc:picChg chg="del">
          <ac:chgData name="Arteaga, Marta" userId="7252dfda-6e35-4827-8f3d-812ceb49d8da" providerId="ADAL" clId="{1F0DE0C9-4FC0-C845-BFA7-24CC39DA5F4A}" dt="2023-10-06T12:09:39.428" v="3210" actId="478"/>
          <ac:picMkLst>
            <pc:docMk/>
            <pc:sldMk cId="1072180587" sldId="2147483202"/>
            <ac:picMk id="4" creationId="{2D0974E2-474E-2C10-0BFF-A77B3DD2792C}"/>
          </ac:picMkLst>
        </pc:picChg>
        <pc:picChg chg="add mod">
          <ac:chgData name="Arteaga, Marta" userId="7252dfda-6e35-4827-8f3d-812ceb49d8da" providerId="ADAL" clId="{1F0DE0C9-4FC0-C845-BFA7-24CC39DA5F4A}" dt="2023-10-10T08:12:19.751" v="6297" actId="167"/>
          <ac:picMkLst>
            <pc:docMk/>
            <pc:sldMk cId="1072180587" sldId="2147483202"/>
            <ac:picMk id="9" creationId="{D746EDAB-DA5F-0F80-8C8A-2A2DA720D63F}"/>
          </ac:picMkLst>
        </pc:picChg>
        <pc:picChg chg="add del mod">
          <ac:chgData name="Arteaga, Marta" userId="7252dfda-6e35-4827-8f3d-812ceb49d8da" providerId="ADAL" clId="{1F0DE0C9-4FC0-C845-BFA7-24CC39DA5F4A}" dt="2023-10-06T14:29:59.624" v="4382" actId="478"/>
          <ac:picMkLst>
            <pc:docMk/>
            <pc:sldMk cId="1072180587" sldId="2147483202"/>
            <ac:picMk id="11" creationId="{E776D2C8-4444-0797-03CF-F1BC74D25113}"/>
          </ac:picMkLst>
        </pc:picChg>
        <pc:cxnChg chg="add del mod">
          <ac:chgData name="Arteaga, Marta" userId="7252dfda-6e35-4827-8f3d-812ceb49d8da" providerId="ADAL" clId="{1F0DE0C9-4FC0-C845-BFA7-24CC39DA5F4A}" dt="2023-10-06T12:10:32.094" v="3225" actId="21"/>
          <ac:cxnSpMkLst>
            <pc:docMk/>
            <pc:sldMk cId="1072180587" sldId="2147483202"/>
            <ac:cxnSpMk id="6" creationId="{35474EC0-3BF0-847B-0514-266B7665D931}"/>
          </ac:cxnSpMkLst>
        </pc:cxnChg>
        <pc:cxnChg chg="add mod">
          <ac:chgData name="Arteaga, Marta" userId="7252dfda-6e35-4827-8f3d-812ceb49d8da" providerId="ADAL" clId="{1F0DE0C9-4FC0-C845-BFA7-24CC39DA5F4A}" dt="2023-10-09T15:07:00.391" v="6234" actId="1076"/>
          <ac:cxnSpMkLst>
            <pc:docMk/>
            <pc:sldMk cId="1072180587" sldId="2147483202"/>
            <ac:cxnSpMk id="8" creationId="{AC940B4C-92BF-FB13-AFD5-6E7875A96A3E}"/>
          </ac:cxnSpMkLst>
        </pc:cxnChg>
        <pc:cxnChg chg="add mod">
          <ac:chgData name="Arteaga, Marta" userId="7252dfda-6e35-4827-8f3d-812ceb49d8da" providerId="ADAL" clId="{1F0DE0C9-4FC0-C845-BFA7-24CC39DA5F4A}" dt="2023-10-06T14:30:32.948" v="4386" actId="1076"/>
          <ac:cxnSpMkLst>
            <pc:docMk/>
            <pc:sldMk cId="1072180587" sldId="2147483202"/>
            <ac:cxnSpMk id="12" creationId="{16F8E537-73DD-635A-9FC2-DA0455558BC2}"/>
          </ac:cxnSpMkLst>
        </pc:cxnChg>
        <pc:cxnChg chg="add mod">
          <ac:chgData name="Arteaga, Marta" userId="7252dfda-6e35-4827-8f3d-812ceb49d8da" providerId="ADAL" clId="{1F0DE0C9-4FC0-C845-BFA7-24CC39DA5F4A}" dt="2023-10-06T14:30:32.948" v="4386" actId="1076"/>
          <ac:cxnSpMkLst>
            <pc:docMk/>
            <pc:sldMk cId="1072180587" sldId="2147483202"/>
            <ac:cxnSpMk id="13" creationId="{C5CE8921-9D8F-A241-AEE8-30027EF49803}"/>
          </ac:cxnSpMkLst>
        </pc:cxnChg>
      </pc:sldChg>
      <pc:sldChg chg="modSp mod">
        <pc:chgData name="Arteaga, Marta" userId="7252dfda-6e35-4827-8f3d-812ceb49d8da" providerId="ADAL" clId="{1F0DE0C9-4FC0-C845-BFA7-24CC39DA5F4A}" dt="2023-10-04T10:07:08.354" v="3157" actId="2711"/>
        <pc:sldMkLst>
          <pc:docMk/>
          <pc:sldMk cId="3183340654" sldId="2147483203"/>
        </pc:sldMkLst>
        <pc:spChg chg="mod">
          <ac:chgData name="Arteaga, Marta" userId="7252dfda-6e35-4827-8f3d-812ceb49d8da" providerId="ADAL" clId="{1F0DE0C9-4FC0-C845-BFA7-24CC39DA5F4A}" dt="2023-10-04T10:07:08.354" v="3157" actId="2711"/>
          <ac:spMkLst>
            <pc:docMk/>
            <pc:sldMk cId="3183340654" sldId="2147483203"/>
            <ac:spMk id="7" creationId="{3CBDA4B2-79FE-B8AF-3261-188DC5F7383A}"/>
          </ac:spMkLst>
        </pc:spChg>
      </pc:sldChg>
      <pc:sldChg chg="addSp delSp modSp mod">
        <pc:chgData name="Arteaga, Marta" userId="7252dfda-6e35-4827-8f3d-812ceb49d8da" providerId="ADAL" clId="{1F0DE0C9-4FC0-C845-BFA7-24CC39DA5F4A}" dt="2023-10-09T14:10:35.047" v="5764" actId="2085"/>
        <pc:sldMkLst>
          <pc:docMk/>
          <pc:sldMk cId="3444950420" sldId="2147483204"/>
        </pc:sldMkLst>
        <pc:spChg chg="add del mod">
          <ac:chgData name="Arteaga, Marta" userId="7252dfda-6e35-4827-8f3d-812ceb49d8da" providerId="ADAL" clId="{1F0DE0C9-4FC0-C845-BFA7-24CC39DA5F4A}" dt="2023-10-06T12:09:06.719" v="3205" actId="478"/>
          <ac:spMkLst>
            <pc:docMk/>
            <pc:sldMk cId="3444950420" sldId="2147483204"/>
            <ac:spMk id="3" creationId="{5F60C6E3-32D9-B2EE-0266-31F9FC3F59B3}"/>
          </ac:spMkLst>
        </pc:spChg>
        <pc:spChg chg="add mod">
          <ac:chgData name="Arteaga, Marta" userId="7252dfda-6e35-4827-8f3d-812ceb49d8da" providerId="ADAL" clId="{1F0DE0C9-4FC0-C845-BFA7-24CC39DA5F4A}" dt="2023-10-09T14:10:35.047" v="5764" actId="2085"/>
          <ac:spMkLst>
            <pc:docMk/>
            <pc:sldMk cId="3444950420" sldId="2147483204"/>
            <ac:spMk id="3" creationId="{749957FE-B4A0-0C5D-B458-AAE7C2BACB8F}"/>
          </ac:spMkLst>
        </pc:spChg>
        <pc:spChg chg="mod">
          <ac:chgData name="Arteaga, Marta" userId="7252dfda-6e35-4827-8f3d-812ceb49d8da" providerId="ADAL" clId="{1F0DE0C9-4FC0-C845-BFA7-24CC39DA5F4A}" dt="2023-10-09T14:09:48.470" v="5621" actId="166"/>
          <ac:spMkLst>
            <pc:docMk/>
            <pc:sldMk cId="3444950420" sldId="2147483204"/>
            <ac:spMk id="11" creationId="{00000000-0000-0000-0000-000000000000}"/>
          </ac:spMkLst>
        </pc:spChg>
        <pc:picChg chg="mod">
          <ac:chgData name="Arteaga, Marta" userId="7252dfda-6e35-4827-8f3d-812ceb49d8da" providerId="ADAL" clId="{1F0DE0C9-4FC0-C845-BFA7-24CC39DA5F4A}" dt="2023-10-09T14:09:59.120" v="5623" actId="167"/>
          <ac:picMkLst>
            <pc:docMk/>
            <pc:sldMk cId="3444950420" sldId="2147483204"/>
            <ac:picMk id="2" creationId="{BCA80C2A-A1DC-3F54-D61D-3FF9954D23C1}"/>
          </ac:picMkLst>
        </pc:picChg>
        <pc:picChg chg="add mod">
          <ac:chgData name="Arteaga, Marta" userId="7252dfda-6e35-4827-8f3d-812ceb49d8da" providerId="ADAL" clId="{1F0DE0C9-4FC0-C845-BFA7-24CC39DA5F4A}" dt="2023-10-06T12:08:54.337" v="3202" actId="1038"/>
          <ac:picMkLst>
            <pc:docMk/>
            <pc:sldMk cId="3444950420" sldId="2147483204"/>
            <ac:picMk id="4" creationId="{126A4F3C-8724-408F-1C96-D9FC3D874E58}"/>
          </ac:picMkLst>
        </pc:picChg>
        <pc:picChg chg="mod">
          <ac:chgData name="Arteaga, Marta" userId="7252dfda-6e35-4827-8f3d-812ceb49d8da" providerId="ADAL" clId="{1F0DE0C9-4FC0-C845-BFA7-24CC39DA5F4A}" dt="2023-10-09T14:09:12.182" v="5572" actId="207"/>
          <ac:picMkLst>
            <pc:docMk/>
            <pc:sldMk cId="3444950420" sldId="2147483204"/>
            <ac:picMk id="6" creationId="{84CC6886-4D22-AB1D-71F5-0905B386AEFF}"/>
          </ac:picMkLst>
        </pc:picChg>
        <pc:picChg chg="del">
          <ac:chgData name="Arteaga, Marta" userId="7252dfda-6e35-4827-8f3d-812ceb49d8da" providerId="ADAL" clId="{1F0DE0C9-4FC0-C845-BFA7-24CC39DA5F4A}" dt="2023-10-06T12:08:26.756" v="3187" actId="478"/>
          <ac:picMkLst>
            <pc:docMk/>
            <pc:sldMk cId="3444950420" sldId="2147483204"/>
            <ac:picMk id="7" creationId="{EAE066BC-80B2-53CF-B334-9CC5BE71069D}"/>
          </ac:picMkLst>
        </pc:picChg>
        <pc:cxnChg chg="add del">
          <ac:chgData name="Arteaga, Marta" userId="7252dfda-6e35-4827-8f3d-812ceb49d8da" providerId="ADAL" clId="{1F0DE0C9-4FC0-C845-BFA7-24CC39DA5F4A}" dt="2023-10-06T12:08:49.751" v="3194" actId="478"/>
          <ac:cxnSpMkLst>
            <pc:docMk/>
            <pc:sldMk cId="3444950420" sldId="2147483204"/>
            <ac:cxnSpMk id="9" creationId="{8C150AF4-D77D-C5B3-4FFC-E0D16483062C}"/>
          </ac:cxnSpMkLst>
        </pc:cxnChg>
        <pc:cxnChg chg="add del">
          <ac:chgData name="Arteaga, Marta" userId="7252dfda-6e35-4827-8f3d-812ceb49d8da" providerId="ADAL" clId="{1F0DE0C9-4FC0-C845-BFA7-24CC39DA5F4A}" dt="2023-10-06T12:09:04.340" v="3204" actId="478"/>
          <ac:cxnSpMkLst>
            <pc:docMk/>
            <pc:sldMk cId="3444950420" sldId="2147483204"/>
            <ac:cxnSpMk id="12" creationId="{845A4C07-25C1-55A4-CABC-81D6F7D16186}"/>
          </ac:cxnSpMkLst>
        </pc:cxnChg>
      </pc:sldChg>
      <pc:sldChg chg="addSp delSp modSp new del mod ord modShow">
        <pc:chgData name="Arteaga, Marta" userId="7252dfda-6e35-4827-8f3d-812ceb49d8da" providerId="ADAL" clId="{1F0DE0C9-4FC0-C845-BFA7-24CC39DA5F4A}" dt="2023-10-09T14:17:35.066" v="5896" actId="2696"/>
        <pc:sldMkLst>
          <pc:docMk/>
          <pc:sldMk cId="1289173418" sldId="2147483205"/>
        </pc:sldMkLst>
        <pc:spChg chg="add del mod">
          <ac:chgData name="Arteaga, Marta" userId="7252dfda-6e35-4827-8f3d-812ceb49d8da" providerId="ADAL" clId="{1F0DE0C9-4FC0-C845-BFA7-24CC39DA5F4A}" dt="2023-10-03T14:07:34.855" v="2827" actId="478"/>
          <ac:spMkLst>
            <pc:docMk/>
            <pc:sldMk cId="1289173418" sldId="2147483205"/>
            <ac:spMk id="2" creationId="{9A8827B4-7D3E-D20D-CC01-F232C0FD3C83}"/>
          </ac:spMkLst>
        </pc:spChg>
        <pc:spChg chg="add mod">
          <ac:chgData name="Arteaga, Marta" userId="7252dfda-6e35-4827-8f3d-812ceb49d8da" providerId="ADAL" clId="{1F0DE0C9-4FC0-C845-BFA7-24CC39DA5F4A}" dt="2023-10-03T14:10:14.698" v="2871" actId="20577"/>
          <ac:spMkLst>
            <pc:docMk/>
            <pc:sldMk cId="1289173418" sldId="2147483205"/>
            <ac:spMk id="4" creationId="{C6B015A7-FAF2-402F-67F8-3769DB2753EE}"/>
          </ac:spMkLst>
        </pc:spChg>
        <pc:spChg chg="add mod">
          <ac:chgData name="Arteaga, Marta" userId="7252dfda-6e35-4827-8f3d-812ceb49d8da" providerId="ADAL" clId="{1F0DE0C9-4FC0-C845-BFA7-24CC39DA5F4A}" dt="2023-10-03T14:10:35.616" v="2873" actId="11530"/>
          <ac:spMkLst>
            <pc:docMk/>
            <pc:sldMk cId="1289173418" sldId="2147483205"/>
            <ac:spMk id="6" creationId="{89DDEECB-6638-D90F-F0A2-5C7095F62F24}"/>
          </ac:spMkLst>
        </pc:spChg>
        <pc:spChg chg="add mod">
          <ac:chgData name="Arteaga, Marta" userId="7252dfda-6e35-4827-8f3d-812ceb49d8da" providerId="ADAL" clId="{1F0DE0C9-4FC0-C845-BFA7-24CC39DA5F4A}" dt="2023-10-03T14:10:06.429" v="2870" actId="1076"/>
          <ac:spMkLst>
            <pc:docMk/>
            <pc:sldMk cId="1289173418" sldId="2147483205"/>
            <ac:spMk id="8" creationId="{A4A13686-38A7-C305-42FE-B09443DFB0C8}"/>
          </ac:spMkLst>
        </pc:spChg>
        <pc:spChg chg="add mod">
          <ac:chgData name="Arteaga, Marta" userId="7252dfda-6e35-4827-8f3d-812ceb49d8da" providerId="ADAL" clId="{1F0DE0C9-4FC0-C845-BFA7-24CC39DA5F4A}" dt="2023-10-03T14:11:36.499" v="2881" actId="1038"/>
          <ac:spMkLst>
            <pc:docMk/>
            <pc:sldMk cId="1289173418" sldId="2147483205"/>
            <ac:spMk id="9" creationId="{F6D4EA9C-3DCC-1457-7235-D071204496A6}"/>
          </ac:spMkLst>
        </pc:spChg>
        <pc:spChg chg="add mod">
          <ac:chgData name="Arteaga, Marta" userId="7252dfda-6e35-4827-8f3d-812ceb49d8da" providerId="ADAL" clId="{1F0DE0C9-4FC0-C845-BFA7-24CC39DA5F4A}" dt="2023-10-03T14:12:11.333" v="2883" actId="1076"/>
          <ac:spMkLst>
            <pc:docMk/>
            <pc:sldMk cId="1289173418" sldId="2147483205"/>
            <ac:spMk id="10" creationId="{94BEB81A-D717-DBF3-FB2B-FA9AF847699F}"/>
          </ac:spMkLst>
        </pc:spChg>
        <pc:spChg chg="add mod">
          <ac:chgData name="Arteaga, Marta" userId="7252dfda-6e35-4827-8f3d-812ceb49d8da" providerId="ADAL" clId="{1F0DE0C9-4FC0-C845-BFA7-24CC39DA5F4A}" dt="2023-10-03T14:12:56.560" v="2953" actId="20577"/>
          <ac:spMkLst>
            <pc:docMk/>
            <pc:sldMk cId="1289173418" sldId="2147483205"/>
            <ac:spMk id="11" creationId="{EAE82E03-6E4F-9881-180B-DFBA27A510E8}"/>
          </ac:spMkLst>
        </pc:spChg>
        <pc:spChg chg="add mod">
          <ac:chgData name="Arteaga, Marta" userId="7252dfda-6e35-4827-8f3d-812ceb49d8da" providerId="ADAL" clId="{1F0DE0C9-4FC0-C845-BFA7-24CC39DA5F4A}" dt="2023-10-03T14:13:15.538" v="2957" actId="208"/>
          <ac:spMkLst>
            <pc:docMk/>
            <pc:sldMk cId="1289173418" sldId="2147483205"/>
            <ac:spMk id="12" creationId="{A5D8FDF8-2D42-8157-1B75-819D9A197495}"/>
          </ac:spMkLst>
        </pc:spChg>
        <pc:picChg chg="add mod">
          <ac:chgData name="Arteaga, Marta" userId="7252dfda-6e35-4827-8f3d-812ceb49d8da" providerId="ADAL" clId="{1F0DE0C9-4FC0-C845-BFA7-24CC39DA5F4A}" dt="2023-10-03T14:07:10.932" v="2822" actId="1076"/>
          <ac:picMkLst>
            <pc:docMk/>
            <pc:sldMk cId="1289173418" sldId="2147483205"/>
            <ac:picMk id="3" creationId="{318056F7-5F56-C9F7-A27F-4D68D8500A4A}"/>
          </ac:picMkLst>
        </pc:picChg>
        <pc:picChg chg="add mod">
          <ac:chgData name="Arteaga, Marta" userId="7252dfda-6e35-4827-8f3d-812ceb49d8da" providerId="ADAL" clId="{1F0DE0C9-4FC0-C845-BFA7-24CC39DA5F4A}" dt="2023-10-03T14:07:10.932" v="2822" actId="1076"/>
          <ac:picMkLst>
            <pc:docMk/>
            <pc:sldMk cId="1289173418" sldId="2147483205"/>
            <ac:picMk id="5" creationId="{0DDA6454-C288-B1C5-78AA-138392EA22C8}"/>
          </ac:picMkLst>
        </pc:picChg>
        <pc:picChg chg="add mod modCrop">
          <ac:chgData name="Arteaga, Marta" userId="7252dfda-6e35-4827-8f3d-812ceb49d8da" providerId="ADAL" clId="{1F0DE0C9-4FC0-C845-BFA7-24CC39DA5F4A}" dt="2023-10-03T14:20:46.177" v="2986" actId="14100"/>
          <ac:picMkLst>
            <pc:docMk/>
            <pc:sldMk cId="1289173418" sldId="2147483205"/>
            <ac:picMk id="7" creationId="{1C50BD0A-D2DD-6211-CB75-92AE14023CEB}"/>
          </ac:picMkLst>
        </pc:picChg>
        <pc:cxnChg chg="add del">
          <ac:chgData name="Arteaga, Marta" userId="7252dfda-6e35-4827-8f3d-812ceb49d8da" providerId="ADAL" clId="{1F0DE0C9-4FC0-C845-BFA7-24CC39DA5F4A}" dt="2023-10-03T09:13:12.538" v="446" actId="478"/>
          <ac:cxnSpMkLst>
            <pc:docMk/>
            <pc:sldMk cId="1289173418" sldId="2147483205"/>
            <ac:cxnSpMk id="10" creationId="{2314273D-80BF-6158-D52B-75E92BE6E1F2}"/>
          </ac:cxnSpMkLst>
        </pc:cxnChg>
        <pc:cxnChg chg="add del mod">
          <ac:chgData name="Arteaga, Marta" userId="7252dfda-6e35-4827-8f3d-812ceb49d8da" providerId="ADAL" clId="{1F0DE0C9-4FC0-C845-BFA7-24CC39DA5F4A}" dt="2023-10-03T09:13:11.168" v="445" actId="478"/>
          <ac:cxnSpMkLst>
            <pc:docMk/>
            <pc:sldMk cId="1289173418" sldId="2147483205"/>
            <ac:cxnSpMk id="11" creationId="{39BFE30A-91D3-0608-3E86-F76F83FCB3BC}"/>
          </ac:cxnSpMkLst>
        </pc:cxnChg>
      </pc:sldChg>
      <pc:sldChg chg="addSp delSp modSp new del mod">
        <pc:chgData name="Arteaga, Marta" userId="7252dfda-6e35-4827-8f3d-812ceb49d8da" providerId="ADAL" clId="{1F0DE0C9-4FC0-C845-BFA7-24CC39DA5F4A}" dt="2023-10-03T08:51:38.498" v="8" actId="680"/>
        <pc:sldMkLst>
          <pc:docMk/>
          <pc:sldMk cId="2375346818" sldId="2147483206"/>
        </pc:sldMkLst>
        <pc:picChg chg="add del mod">
          <ac:chgData name="Arteaga, Marta" userId="7252dfda-6e35-4827-8f3d-812ceb49d8da" providerId="ADAL" clId="{1F0DE0C9-4FC0-C845-BFA7-24CC39DA5F4A}" dt="2023-10-03T08:51:36.998" v="7"/>
          <ac:picMkLst>
            <pc:docMk/>
            <pc:sldMk cId="2375346818" sldId="2147483206"/>
            <ac:picMk id="3" creationId="{95FE41B5-8C1B-70C6-FDDF-55A6FBB9C0C0}"/>
          </ac:picMkLst>
        </pc:picChg>
        <pc:picChg chg="add del mod">
          <ac:chgData name="Arteaga, Marta" userId="7252dfda-6e35-4827-8f3d-812ceb49d8da" providerId="ADAL" clId="{1F0DE0C9-4FC0-C845-BFA7-24CC39DA5F4A}" dt="2023-10-03T08:51:34.983" v="5"/>
          <ac:picMkLst>
            <pc:docMk/>
            <pc:sldMk cId="2375346818" sldId="2147483206"/>
            <ac:picMk id="4" creationId="{B3FD6306-A3C6-D73E-B90A-1B003E4585B9}"/>
          </ac:picMkLst>
        </pc:picChg>
      </pc:sldChg>
      <pc:sldChg chg="addSp delSp modSp add del mod ord">
        <pc:chgData name="Arteaga, Marta" userId="7252dfda-6e35-4827-8f3d-812ceb49d8da" providerId="ADAL" clId="{1F0DE0C9-4FC0-C845-BFA7-24CC39DA5F4A}" dt="2023-10-03T14:14:47.516" v="2959" actId="2696"/>
        <pc:sldMkLst>
          <pc:docMk/>
          <pc:sldMk cId="2630415204" sldId="2147483618"/>
        </pc:sldMkLst>
        <pc:spChg chg="mod">
          <ac:chgData name="Arteaga, Marta" userId="7252dfda-6e35-4827-8f3d-812ceb49d8da" providerId="ADAL" clId="{1F0DE0C9-4FC0-C845-BFA7-24CC39DA5F4A}" dt="2023-10-03T09:18:37.868" v="450" actId="21"/>
          <ac:spMkLst>
            <pc:docMk/>
            <pc:sldMk cId="2630415204" sldId="2147483618"/>
            <ac:spMk id="3" creationId="{B47E865E-905B-5F58-6D59-EE2157F7C5D1}"/>
          </ac:spMkLst>
        </pc:spChg>
        <pc:spChg chg="mod">
          <ac:chgData name="Arteaga, Marta" userId="7252dfda-6e35-4827-8f3d-812ceb49d8da" providerId="ADAL" clId="{1F0DE0C9-4FC0-C845-BFA7-24CC39DA5F4A}" dt="2023-10-03T11:08:22.544" v="2796" actId="1076"/>
          <ac:spMkLst>
            <pc:docMk/>
            <pc:sldMk cId="2630415204" sldId="2147483618"/>
            <ac:spMk id="33" creationId="{740E8C4F-D86B-D7EB-A4DC-B636C3243ECD}"/>
          </ac:spMkLst>
        </pc:spChg>
        <pc:spChg chg="del mod">
          <ac:chgData name="Arteaga, Marta" userId="7252dfda-6e35-4827-8f3d-812ceb49d8da" providerId="ADAL" clId="{1F0DE0C9-4FC0-C845-BFA7-24CC39DA5F4A}" dt="2023-10-03T11:09:07.140" v="2805" actId="478"/>
          <ac:spMkLst>
            <pc:docMk/>
            <pc:sldMk cId="2630415204" sldId="2147483618"/>
            <ac:spMk id="35" creationId="{44D9CBF7-DC0B-2A6F-09EA-A69E8EF5E958}"/>
          </ac:spMkLst>
        </pc:spChg>
        <pc:picChg chg="add del mod">
          <ac:chgData name="Arteaga, Marta" userId="7252dfda-6e35-4827-8f3d-812ceb49d8da" providerId="ADAL" clId="{1F0DE0C9-4FC0-C845-BFA7-24CC39DA5F4A}" dt="2023-10-03T09:32:30.712" v="652"/>
          <ac:picMkLst>
            <pc:docMk/>
            <pc:sldMk cId="2630415204" sldId="2147483618"/>
            <ac:picMk id="27" creationId="{BE708732-E679-C1F1-EE98-8C720AADB2E1}"/>
          </ac:picMkLst>
        </pc:picChg>
        <pc:picChg chg="del">
          <ac:chgData name="Arteaga, Marta" userId="7252dfda-6e35-4827-8f3d-812ceb49d8da" providerId="ADAL" clId="{1F0DE0C9-4FC0-C845-BFA7-24CC39DA5F4A}" dt="2023-10-03T09:18:45.446" v="452" actId="21"/>
          <ac:picMkLst>
            <pc:docMk/>
            <pc:sldMk cId="2630415204" sldId="2147483618"/>
            <ac:picMk id="75" creationId="{9985F6FD-E763-4249-BABA-49752AC91E41}"/>
          </ac:picMkLst>
        </pc:picChg>
      </pc:sldChg>
      <pc:sldChg chg="addSp delSp modSp new del mod">
        <pc:chgData name="Arteaga, Marta" userId="7252dfda-6e35-4827-8f3d-812ceb49d8da" providerId="ADAL" clId="{1F0DE0C9-4FC0-C845-BFA7-24CC39DA5F4A}" dt="2023-10-03T11:08:04.343" v="2795" actId="2696"/>
        <pc:sldMkLst>
          <pc:docMk/>
          <pc:sldMk cId="146506502" sldId="2147483619"/>
        </pc:sldMkLst>
        <pc:spChg chg="add del">
          <ac:chgData name="Arteaga, Marta" userId="7252dfda-6e35-4827-8f3d-812ceb49d8da" providerId="ADAL" clId="{1F0DE0C9-4FC0-C845-BFA7-24CC39DA5F4A}" dt="2023-10-03T09:32:27.929" v="648" actId="478"/>
          <ac:spMkLst>
            <pc:docMk/>
            <pc:sldMk cId="146506502" sldId="2147483619"/>
            <ac:spMk id="2" creationId="{F66B2AD2-9797-A703-6917-47A5257776C8}"/>
          </ac:spMkLst>
        </pc:spChg>
        <pc:spChg chg="mod">
          <ac:chgData name="Arteaga, Marta" userId="7252dfda-6e35-4827-8f3d-812ceb49d8da" providerId="ADAL" clId="{1F0DE0C9-4FC0-C845-BFA7-24CC39DA5F4A}" dt="2023-10-03T09:18:40.821" v="451"/>
          <ac:spMkLst>
            <pc:docMk/>
            <pc:sldMk cId="146506502" sldId="2147483619"/>
            <ac:spMk id="3" creationId="{C7456948-612B-A5BD-1252-001617C40614}"/>
          </ac:spMkLst>
        </pc:spChg>
        <pc:spChg chg="add del mod">
          <ac:chgData name="Arteaga, Marta" userId="7252dfda-6e35-4827-8f3d-812ceb49d8da" providerId="ADAL" clId="{1F0DE0C9-4FC0-C845-BFA7-24CC39DA5F4A}" dt="2023-10-03T09:32:27.189" v="647"/>
          <ac:spMkLst>
            <pc:docMk/>
            <pc:sldMk cId="146506502" sldId="2147483619"/>
            <ac:spMk id="5" creationId="{9D59BAA2-97D8-F28E-6A3C-A41776D534E0}"/>
          </ac:spMkLst>
        </pc:spChg>
        <pc:spChg chg="add del mod">
          <ac:chgData name="Arteaga, Marta" userId="7252dfda-6e35-4827-8f3d-812ceb49d8da" providerId="ADAL" clId="{1F0DE0C9-4FC0-C845-BFA7-24CC39DA5F4A}" dt="2023-10-03T09:32:27.189" v="647"/>
          <ac:spMkLst>
            <pc:docMk/>
            <pc:sldMk cId="146506502" sldId="2147483619"/>
            <ac:spMk id="6" creationId="{78A2B8BD-6989-6E98-F247-F2CEA2589183}"/>
          </ac:spMkLst>
        </pc:spChg>
        <pc:picChg chg="add mod">
          <ac:chgData name="Arteaga, Marta" userId="7252dfda-6e35-4827-8f3d-812ceb49d8da" providerId="ADAL" clId="{1F0DE0C9-4FC0-C845-BFA7-24CC39DA5F4A}" dt="2023-10-03T09:18:51.324" v="454" actId="1076"/>
          <ac:picMkLst>
            <pc:docMk/>
            <pc:sldMk cId="146506502" sldId="2147483619"/>
            <ac:picMk id="4" creationId="{A1594567-FC05-39FF-C2A8-7896069E68EC}"/>
          </ac:picMkLst>
        </pc:picChg>
      </pc:sldChg>
      <pc:sldChg chg="delSp modSp add del mod">
        <pc:chgData name="Arteaga, Marta" userId="7252dfda-6e35-4827-8f3d-812ceb49d8da" providerId="ADAL" clId="{1F0DE0C9-4FC0-C845-BFA7-24CC39DA5F4A}" dt="2023-10-03T09:39:15.968" v="776" actId="2696"/>
        <pc:sldMkLst>
          <pc:docMk/>
          <pc:sldMk cId="620221070" sldId="2147483620"/>
        </pc:sldMkLst>
        <pc:picChg chg="del mod">
          <ac:chgData name="Arteaga, Marta" userId="7252dfda-6e35-4827-8f3d-812ceb49d8da" providerId="ADAL" clId="{1F0DE0C9-4FC0-C845-BFA7-24CC39DA5F4A}" dt="2023-10-03T09:35:25.776" v="713" actId="21"/>
          <ac:picMkLst>
            <pc:docMk/>
            <pc:sldMk cId="620221070" sldId="2147483620"/>
            <ac:picMk id="4" creationId="{00000000-0000-0000-0000-000000000000}"/>
          </ac:picMkLst>
        </pc:picChg>
      </pc:sldChg>
      <pc:sldChg chg="modSp add del mod">
        <pc:chgData name="Arteaga, Marta" userId="7252dfda-6e35-4827-8f3d-812ceb49d8da" providerId="ADAL" clId="{1F0DE0C9-4FC0-C845-BFA7-24CC39DA5F4A}" dt="2023-10-03T09:33:32.738" v="666" actId="2696"/>
        <pc:sldMkLst>
          <pc:docMk/>
          <pc:sldMk cId="648242065" sldId="2147483620"/>
        </pc:sldMkLst>
        <pc:picChg chg="mod">
          <ac:chgData name="Arteaga, Marta" userId="7252dfda-6e35-4827-8f3d-812ceb49d8da" providerId="ADAL" clId="{1F0DE0C9-4FC0-C845-BFA7-24CC39DA5F4A}" dt="2023-10-03T09:33:28.323" v="665" actId="1076"/>
          <ac:picMkLst>
            <pc:docMk/>
            <pc:sldMk cId="648242065" sldId="2147483620"/>
            <ac:picMk id="4" creationId="{00000000-0000-0000-0000-000000000000}"/>
          </ac:picMkLst>
        </pc:picChg>
      </pc:sldChg>
      <pc:sldChg chg="modSp add del mod">
        <pc:chgData name="Arteaga, Marta" userId="7252dfda-6e35-4827-8f3d-812ceb49d8da" providerId="ADAL" clId="{1F0DE0C9-4FC0-C845-BFA7-24CC39DA5F4A}" dt="2023-10-03T11:07:12.460" v="2788" actId="2696"/>
        <pc:sldMkLst>
          <pc:docMk/>
          <pc:sldMk cId="1399270877" sldId="2147483620"/>
        </pc:sldMkLst>
        <pc:spChg chg="mod">
          <ac:chgData name="Arteaga, Marta" userId="7252dfda-6e35-4827-8f3d-812ceb49d8da" providerId="ADAL" clId="{1F0DE0C9-4FC0-C845-BFA7-24CC39DA5F4A}" dt="2023-10-03T10:49:31.744" v="1994" actId="1076"/>
          <ac:spMkLst>
            <pc:docMk/>
            <pc:sldMk cId="1399270877" sldId="2147483620"/>
            <ac:spMk id="7" creationId="{FEC98FCC-79FB-12A2-0FB3-BE6046A089A1}"/>
          </ac:spMkLst>
        </pc:spChg>
      </pc:sldChg>
      <pc:sldChg chg="add del">
        <pc:chgData name="Arteaga, Marta" userId="7252dfda-6e35-4827-8f3d-812ceb49d8da" providerId="ADAL" clId="{1F0DE0C9-4FC0-C845-BFA7-24CC39DA5F4A}" dt="2023-10-03T09:23:16.193" v="504" actId="2696"/>
        <pc:sldMkLst>
          <pc:docMk/>
          <pc:sldMk cId="2604885730" sldId="2147483620"/>
        </pc:sldMkLst>
      </pc:sldChg>
      <pc:sldChg chg="addSp delSp modSp new del mod">
        <pc:chgData name="Arteaga, Marta" userId="7252dfda-6e35-4827-8f3d-812ceb49d8da" providerId="ADAL" clId="{1F0DE0C9-4FC0-C845-BFA7-24CC39DA5F4A}" dt="2023-10-03T10:25:52.102" v="823" actId="2696"/>
        <pc:sldMkLst>
          <pc:docMk/>
          <pc:sldMk cId="4249934484" sldId="2147483620"/>
        </pc:sldMkLst>
        <pc:spChg chg="del">
          <ac:chgData name="Arteaga, Marta" userId="7252dfda-6e35-4827-8f3d-812ceb49d8da" providerId="ADAL" clId="{1F0DE0C9-4FC0-C845-BFA7-24CC39DA5F4A}" dt="2023-10-03T10:19:43.721" v="778" actId="478"/>
          <ac:spMkLst>
            <pc:docMk/>
            <pc:sldMk cId="4249934484" sldId="2147483620"/>
            <ac:spMk id="2" creationId="{5FD9D86D-EE85-5B31-863F-3CB6E4D9AD56}"/>
          </ac:spMkLst>
        </pc:spChg>
        <pc:picChg chg="add mod">
          <ac:chgData name="Arteaga, Marta" userId="7252dfda-6e35-4827-8f3d-812ceb49d8da" providerId="ADAL" clId="{1F0DE0C9-4FC0-C845-BFA7-24CC39DA5F4A}" dt="2023-10-03T10:20:11.533" v="780" actId="1076"/>
          <ac:picMkLst>
            <pc:docMk/>
            <pc:sldMk cId="4249934484" sldId="2147483620"/>
            <ac:picMk id="4" creationId="{04FB0847-8381-745A-23A1-0D7B2056E63A}"/>
          </ac:picMkLst>
        </pc:picChg>
      </pc:sldChg>
      <pc:sldChg chg="addSp delSp modSp add mod ord setBg">
        <pc:chgData name="Arteaga, Marta" userId="7252dfda-6e35-4827-8f3d-812ceb49d8da" providerId="ADAL" clId="{1F0DE0C9-4FC0-C845-BFA7-24CC39DA5F4A}" dt="2023-10-10T09:20:09.678" v="6337" actId="1038"/>
        <pc:sldMkLst>
          <pc:docMk/>
          <pc:sldMk cId="271486372" sldId="2147483621"/>
        </pc:sldMkLst>
        <pc:spChg chg="add mod">
          <ac:chgData name="Arteaga, Marta" userId="7252dfda-6e35-4827-8f3d-812ceb49d8da" providerId="ADAL" clId="{1F0DE0C9-4FC0-C845-BFA7-24CC39DA5F4A}" dt="2023-10-03T10:37:31.989" v="1670" actId="20577"/>
          <ac:spMkLst>
            <pc:docMk/>
            <pc:sldMk cId="271486372" sldId="2147483621"/>
            <ac:spMk id="2" creationId="{278BD99F-AF86-FF27-7B1A-82CF62B38CF2}"/>
          </ac:spMkLst>
        </pc:spChg>
        <pc:spChg chg="add mod">
          <ac:chgData name="Arteaga, Marta" userId="7252dfda-6e35-4827-8f3d-812ceb49d8da" providerId="ADAL" clId="{1F0DE0C9-4FC0-C845-BFA7-24CC39DA5F4A}" dt="2023-10-03T10:36:24.137" v="1632" actId="207"/>
          <ac:spMkLst>
            <pc:docMk/>
            <pc:sldMk cId="271486372" sldId="2147483621"/>
            <ac:spMk id="3" creationId="{A1915614-28FD-51AC-0AC4-9276C959FB1B}"/>
          </ac:spMkLst>
        </pc:spChg>
        <pc:spChg chg="del">
          <ac:chgData name="Arteaga, Marta" userId="7252dfda-6e35-4827-8f3d-812ceb49d8da" providerId="ADAL" clId="{1F0DE0C9-4FC0-C845-BFA7-24CC39DA5F4A}" dt="2023-10-10T09:16:20.685" v="6327" actId="478"/>
          <ac:spMkLst>
            <pc:docMk/>
            <pc:sldMk cId="271486372" sldId="2147483621"/>
            <ac:spMk id="4" creationId="{48A5707A-005F-AFBC-5E7B-3F3A530F124F}"/>
          </ac:spMkLst>
        </pc:spChg>
        <pc:spChg chg="del">
          <ac:chgData name="Arteaga, Marta" userId="7252dfda-6e35-4827-8f3d-812ceb49d8da" providerId="ADAL" clId="{1F0DE0C9-4FC0-C845-BFA7-24CC39DA5F4A}" dt="2023-10-03T10:31:28.996" v="844" actId="478"/>
          <ac:spMkLst>
            <pc:docMk/>
            <pc:sldMk cId="271486372" sldId="2147483621"/>
            <ac:spMk id="7" creationId="{BF7253DD-E1D5-549E-0E2E-F3AE15337447}"/>
          </ac:spMkLst>
        </pc:spChg>
        <pc:spChg chg="add mod">
          <ac:chgData name="Arteaga, Marta" userId="7252dfda-6e35-4827-8f3d-812ceb49d8da" providerId="ADAL" clId="{1F0DE0C9-4FC0-C845-BFA7-24CC39DA5F4A}" dt="2023-10-03T10:39:31.809" v="1682" actId="14100"/>
          <ac:spMkLst>
            <pc:docMk/>
            <pc:sldMk cId="271486372" sldId="2147483621"/>
            <ac:spMk id="10" creationId="{E8B80474-CCC5-47A8-1D81-D5DE2D923445}"/>
          </ac:spMkLst>
        </pc:spChg>
        <pc:spChg chg="add mod">
          <ac:chgData name="Arteaga, Marta" userId="7252dfda-6e35-4827-8f3d-812ceb49d8da" providerId="ADAL" clId="{1F0DE0C9-4FC0-C845-BFA7-24CC39DA5F4A}" dt="2023-10-03T10:47:05.620" v="1809" actId="1035"/>
          <ac:spMkLst>
            <pc:docMk/>
            <pc:sldMk cId="271486372" sldId="2147483621"/>
            <ac:spMk id="11" creationId="{5E9E447D-4FB0-DD8A-A3BE-99EDE18C1009}"/>
          </ac:spMkLst>
        </pc:spChg>
        <pc:spChg chg="add mod">
          <ac:chgData name="Arteaga, Marta" userId="7252dfda-6e35-4827-8f3d-812ceb49d8da" providerId="ADAL" clId="{1F0DE0C9-4FC0-C845-BFA7-24CC39DA5F4A}" dt="2023-10-03T10:47:05.620" v="1809" actId="1035"/>
          <ac:spMkLst>
            <pc:docMk/>
            <pc:sldMk cId="271486372" sldId="2147483621"/>
            <ac:spMk id="12" creationId="{035ABDD6-9CE1-27AF-66AF-0C5C3D686E87}"/>
          </ac:spMkLst>
        </pc:spChg>
        <pc:spChg chg="add mod">
          <ac:chgData name="Arteaga, Marta" userId="7252dfda-6e35-4827-8f3d-812ceb49d8da" providerId="ADAL" clId="{1F0DE0C9-4FC0-C845-BFA7-24CC39DA5F4A}" dt="2023-10-03T10:47:05.620" v="1809" actId="1035"/>
          <ac:spMkLst>
            <pc:docMk/>
            <pc:sldMk cId="271486372" sldId="2147483621"/>
            <ac:spMk id="14" creationId="{9C523B21-70CD-7FF7-7AD0-47554FEA2C52}"/>
          </ac:spMkLst>
        </pc:spChg>
        <pc:spChg chg="add del mod">
          <ac:chgData name="Arteaga, Marta" userId="7252dfda-6e35-4827-8f3d-812ceb49d8da" providerId="ADAL" clId="{1F0DE0C9-4FC0-C845-BFA7-24CC39DA5F4A}" dt="2023-10-03T10:45:33.632" v="1711" actId="478"/>
          <ac:spMkLst>
            <pc:docMk/>
            <pc:sldMk cId="271486372" sldId="2147483621"/>
            <ac:spMk id="17" creationId="{B77532B2-9203-44C2-AF03-FDA01C26A390}"/>
          </ac:spMkLst>
        </pc:spChg>
        <pc:spChg chg="add del mod">
          <ac:chgData name="Arteaga, Marta" userId="7252dfda-6e35-4827-8f3d-812ceb49d8da" providerId="ADAL" clId="{1F0DE0C9-4FC0-C845-BFA7-24CC39DA5F4A}" dt="2023-10-03T10:45:24.046" v="1710" actId="478"/>
          <ac:spMkLst>
            <pc:docMk/>
            <pc:sldMk cId="271486372" sldId="2147483621"/>
            <ac:spMk id="18" creationId="{22C4FBC0-8097-229D-F3BE-DCCC47F3485B}"/>
          </ac:spMkLst>
        </pc:spChg>
        <pc:spChg chg="add mod">
          <ac:chgData name="Arteaga, Marta" userId="7252dfda-6e35-4827-8f3d-812ceb49d8da" providerId="ADAL" clId="{1F0DE0C9-4FC0-C845-BFA7-24CC39DA5F4A}" dt="2023-10-03T11:00:49.645" v="2464" actId="1076"/>
          <ac:spMkLst>
            <pc:docMk/>
            <pc:sldMk cId="271486372" sldId="2147483621"/>
            <ac:spMk id="19" creationId="{D21CCB63-1FC6-3B7B-8A7B-6C60459FA36E}"/>
          </ac:spMkLst>
        </pc:spChg>
        <pc:spChg chg="add mod">
          <ac:chgData name="Arteaga, Marta" userId="7252dfda-6e35-4827-8f3d-812ceb49d8da" providerId="ADAL" clId="{1F0DE0C9-4FC0-C845-BFA7-24CC39DA5F4A}" dt="2023-10-03T10:48:48.924" v="1988" actId="166"/>
          <ac:spMkLst>
            <pc:docMk/>
            <pc:sldMk cId="271486372" sldId="2147483621"/>
            <ac:spMk id="20" creationId="{9AE50E31-BE9F-E795-D2E5-F3EB23CD52DE}"/>
          </ac:spMkLst>
        </pc:spChg>
        <pc:spChg chg="add mod">
          <ac:chgData name="Arteaga, Marta" userId="7252dfda-6e35-4827-8f3d-812ceb49d8da" providerId="ADAL" clId="{1F0DE0C9-4FC0-C845-BFA7-24CC39DA5F4A}" dt="2023-10-03T10:48:14.423" v="1979" actId="207"/>
          <ac:spMkLst>
            <pc:docMk/>
            <pc:sldMk cId="271486372" sldId="2147483621"/>
            <ac:spMk id="21" creationId="{0B334914-F762-3FD1-AA69-161A5A4132F0}"/>
          </ac:spMkLst>
        </pc:spChg>
        <pc:spChg chg="add del mod">
          <ac:chgData name="Arteaga, Marta" userId="7252dfda-6e35-4827-8f3d-812ceb49d8da" providerId="ADAL" clId="{1F0DE0C9-4FC0-C845-BFA7-24CC39DA5F4A}" dt="2023-10-03T10:48:25.724" v="1982"/>
          <ac:spMkLst>
            <pc:docMk/>
            <pc:sldMk cId="271486372" sldId="2147483621"/>
            <ac:spMk id="22" creationId="{EC671F52-2CDE-32EA-E312-B5E05AB4CD09}"/>
          </ac:spMkLst>
        </pc:spChg>
        <pc:spChg chg="add mod">
          <ac:chgData name="Arteaga, Marta" userId="7252dfda-6e35-4827-8f3d-812ceb49d8da" providerId="ADAL" clId="{1F0DE0C9-4FC0-C845-BFA7-24CC39DA5F4A}" dt="2023-10-03T10:48:53.794" v="1989" actId="1076"/>
          <ac:spMkLst>
            <pc:docMk/>
            <pc:sldMk cId="271486372" sldId="2147483621"/>
            <ac:spMk id="23" creationId="{7C3E3B12-3D7E-42E4-1200-89D3DCF9E988}"/>
          </ac:spMkLst>
        </pc:spChg>
        <pc:spChg chg="add del mod">
          <ac:chgData name="Arteaga, Marta" userId="7252dfda-6e35-4827-8f3d-812ceb49d8da" providerId="ADAL" clId="{1F0DE0C9-4FC0-C845-BFA7-24CC39DA5F4A}" dt="2023-10-03T10:49:26.144" v="1993" actId="478"/>
          <ac:spMkLst>
            <pc:docMk/>
            <pc:sldMk cId="271486372" sldId="2147483621"/>
            <ac:spMk id="24" creationId="{9CB34C95-8480-7806-EE98-F7D32B6F919D}"/>
          </ac:spMkLst>
        </pc:spChg>
        <pc:spChg chg="add mod">
          <ac:chgData name="Arteaga, Marta" userId="7252dfda-6e35-4827-8f3d-812ceb49d8da" providerId="ADAL" clId="{1F0DE0C9-4FC0-C845-BFA7-24CC39DA5F4A}" dt="2023-10-03T11:01:09.724" v="2466" actId="207"/>
          <ac:spMkLst>
            <pc:docMk/>
            <pc:sldMk cId="271486372" sldId="2147483621"/>
            <ac:spMk id="25" creationId="{5662634F-D4C5-312B-D312-24CE492213D7}"/>
          </ac:spMkLst>
        </pc:spChg>
        <pc:spChg chg="del mod topLvl">
          <ac:chgData name="Arteaga, Marta" userId="7252dfda-6e35-4827-8f3d-812ceb49d8da" providerId="ADAL" clId="{1F0DE0C9-4FC0-C845-BFA7-24CC39DA5F4A}" dt="2023-10-03T10:54:11.935" v="2028" actId="478"/>
          <ac:spMkLst>
            <pc:docMk/>
            <pc:sldMk cId="271486372" sldId="2147483621"/>
            <ac:spMk id="27" creationId="{3E92191F-6405-E8ED-E01B-86A047AA18E7}"/>
          </ac:spMkLst>
        </pc:spChg>
        <pc:spChg chg="del mod topLvl">
          <ac:chgData name="Arteaga, Marta" userId="7252dfda-6e35-4827-8f3d-812ceb49d8da" providerId="ADAL" clId="{1F0DE0C9-4FC0-C845-BFA7-24CC39DA5F4A}" dt="2023-10-03T10:52:25.862" v="2006" actId="478"/>
          <ac:spMkLst>
            <pc:docMk/>
            <pc:sldMk cId="271486372" sldId="2147483621"/>
            <ac:spMk id="28" creationId="{CC39AD66-C4D5-935A-150D-CB87069AED30}"/>
          </ac:spMkLst>
        </pc:spChg>
        <pc:spChg chg="add mod">
          <ac:chgData name="Arteaga, Marta" userId="7252dfda-6e35-4827-8f3d-812ceb49d8da" providerId="ADAL" clId="{1F0DE0C9-4FC0-C845-BFA7-24CC39DA5F4A}" dt="2023-10-03T11:02:51.940" v="2787" actId="207"/>
          <ac:spMkLst>
            <pc:docMk/>
            <pc:sldMk cId="271486372" sldId="2147483621"/>
            <ac:spMk id="35" creationId="{C5A471DD-2821-3D83-FDA2-A63EB9E333CE}"/>
          </ac:spMkLst>
        </pc:spChg>
        <pc:grpChg chg="add del mod">
          <ac:chgData name="Arteaga, Marta" userId="7252dfda-6e35-4827-8f3d-812ceb49d8da" providerId="ADAL" clId="{1F0DE0C9-4FC0-C845-BFA7-24CC39DA5F4A}" dt="2023-10-03T10:52:25.862" v="2006" actId="478"/>
          <ac:grpSpMkLst>
            <pc:docMk/>
            <pc:sldMk cId="271486372" sldId="2147483621"/>
            <ac:grpSpMk id="26" creationId="{F6FB3051-5AB0-C85D-6B1F-44031AC6082D}"/>
          </ac:grpSpMkLst>
        </pc:grpChg>
        <pc:picChg chg="del">
          <ac:chgData name="Arteaga, Marta" userId="7252dfda-6e35-4827-8f3d-812ceb49d8da" providerId="ADAL" clId="{1F0DE0C9-4FC0-C845-BFA7-24CC39DA5F4A}" dt="2023-10-03T10:31:30.775" v="845" actId="478"/>
          <ac:picMkLst>
            <pc:docMk/>
            <pc:sldMk cId="271486372" sldId="2147483621"/>
            <ac:picMk id="4" creationId="{2D0974E2-474E-2C10-0BFF-A77B3DD2792C}"/>
          </ac:picMkLst>
        </pc:picChg>
        <pc:picChg chg="del">
          <ac:chgData name="Arteaga, Marta" userId="7252dfda-6e35-4827-8f3d-812ceb49d8da" providerId="ADAL" clId="{1F0DE0C9-4FC0-C845-BFA7-24CC39DA5F4A}" dt="2023-10-03T10:31:27.356" v="843" actId="478"/>
          <ac:picMkLst>
            <pc:docMk/>
            <pc:sldMk cId="271486372" sldId="2147483621"/>
            <ac:picMk id="5" creationId="{34C03928-BFC8-027C-E147-AD3B52C07C4A}"/>
          </ac:picMkLst>
        </pc:picChg>
        <pc:picChg chg="add del mod">
          <ac:chgData name="Arteaga, Marta" userId="7252dfda-6e35-4827-8f3d-812ceb49d8da" providerId="ADAL" clId="{1F0DE0C9-4FC0-C845-BFA7-24CC39DA5F4A}" dt="2023-10-03T10:36:15.784" v="1591" actId="478"/>
          <ac:picMkLst>
            <pc:docMk/>
            <pc:sldMk cId="271486372" sldId="2147483621"/>
            <ac:picMk id="6" creationId="{955A5667-8904-CF9B-2307-81B783FB73D0}"/>
          </ac:picMkLst>
        </pc:picChg>
        <pc:picChg chg="add mod">
          <ac:chgData name="Arteaga, Marta" userId="7252dfda-6e35-4827-8f3d-812ceb49d8da" providerId="ADAL" clId="{1F0DE0C9-4FC0-C845-BFA7-24CC39DA5F4A}" dt="2023-10-03T10:39:50.590" v="1686" actId="1076"/>
          <ac:picMkLst>
            <pc:docMk/>
            <pc:sldMk cId="271486372" sldId="2147483621"/>
            <ac:picMk id="9" creationId="{FE712B2F-0BA9-0A6F-0127-48FA89FB4B4E}"/>
          </ac:picMkLst>
        </pc:picChg>
        <pc:picChg chg="mod">
          <ac:chgData name="Arteaga, Marta" userId="7252dfda-6e35-4827-8f3d-812ceb49d8da" providerId="ADAL" clId="{1F0DE0C9-4FC0-C845-BFA7-24CC39DA5F4A}" dt="2023-10-03T10:34:10.485" v="1550" actId="167"/>
          <ac:picMkLst>
            <pc:docMk/>
            <pc:sldMk cId="271486372" sldId="2147483621"/>
            <ac:picMk id="13" creationId="{B62A9CAF-FA99-B0D6-B594-308E00EF6AA1}"/>
          </ac:picMkLst>
        </pc:picChg>
        <pc:picChg chg="add mod">
          <ac:chgData name="Arteaga, Marta" userId="7252dfda-6e35-4827-8f3d-812ceb49d8da" providerId="ADAL" clId="{1F0DE0C9-4FC0-C845-BFA7-24CC39DA5F4A}" dt="2023-10-10T09:20:09.678" v="6337" actId="1038"/>
          <ac:picMkLst>
            <pc:docMk/>
            <pc:sldMk cId="271486372" sldId="2147483621"/>
            <ac:picMk id="16" creationId="{D1A437BE-876B-144B-7845-6B66FF74E0E8}"/>
          </ac:picMkLst>
        </pc:picChg>
        <pc:picChg chg="add del mod">
          <ac:chgData name="Arteaga, Marta" userId="7252dfda-6e35-4827-8f3d-812ceb49d8da" providerId="ADAL" clId="{1F0DE0C9-4FC0-C845-BFA7-24CC39DA5F4A}" dt="2023-10-03T10:55:12.449" v="2035" actId="478"/>
          <ac:picMkLst>
            <pc:docMk/>
            <pc:sldMk cId="271486372" sldId="2147483621"/>
            <ac:picMk id="30" creationId="{C4B81F24-7EA4-3F64-1A4C-395C71463A6E}"/>
          </ac:picMkLst>
        </pc:picChg>
        <pc:picChg chg="add del mod">
          <ac:chgData name="Arteaga, Marta" userId="7252dfda-6e35-4827-8f3d-812ceb49d8da" providerId="ADAL" clId="{1F0DE0C9-4FC0-C845-BFA7-24CC39DA5F4A}" dt="2023-10-03T10:58:07.278" v="2377" actId="478"/>
          <ac:picMkLst>
            <pc:docMk/>
            <pc:sldMk cId="271486372" sldId="2147483621"/>
            <ac:picMk id="32" creationId="{2290A916-3825-2CE7-3964-27348312F501}"/>
          </ac:picMkLst>
        </pc:picChg>
        <pc:picChg chg="add mod">
          <ac:chgData name="Arteaga, Marta" userId="7252dfda-6e35-4827-8f3d-812ceb49d8da" providerId="ADAL" clId="{1F0DE0C9-4FC0-C845-BFA7-24CC39DA5F4A}" dt="2023-10-03T11:00:43.977" v="2463" actId="1076"/>
          <ac:picMkLst>
            <pc:docMk/>
            <pc:sldMk cId="271486372" sldId="2147483621"/>
            <ac:picMk id="34" creationId="{F5D70E1C-652B-C09D-9AA2-F957C7D1A647}"/>
          </ac:picMkLst>
        </pc:picChg>
      </pc:sldChg>
      <pc:sldChg chg="addSp delSp modSp add mod">
        <pc:chgData name="Arteaga, Marta" userId="7252dfda-6e35-4827-8f3d-812ceb49d8da" providerId="ADAL" clId="{1F0DE0C9-4FC0-C845-BFA7-24CC39DA5F4A}" dt="2023-10-06T15:39:44.921" v="4549" actId="478"/>
        <pc:sldMkLst>
          <pc:docMk/>
          <pc:sldMk cId="3257091315" sldId="2147483622"/>
        </pc:sldMkLst>
        <pc:spChg chg="add del mod">
          <ac:chgData name="Arteaga, Marta" userId="7252dfda-6e35-4827-8f3d-812ceb49d8da" providerId="ADAL" clId="{1F0DE0C9-4FC0-C845-BFA7-24CC39DA5F4A}" dt="2023-10-06T10:28:01.322" v="3177" actId="478"/>
          <ac:spMkLst>
            <pc:docMk/>
            <pc:sldMk cId="3257091315" sldId="2147483622"/>
            <ac:spMk id="2" creationId="{9EC822A3-F1F4-47D3-E1E1-ECFEDBAB5C93}"/>
          </ac:spMkLst>
        </pc:spChg>
        <pc:spChg chg="add del mod">
          <ac:chgData name="Arteaga, Marta" userId="7252dfda-6e35-4827-8f3d-812ceb49d8da" providerId="ADAL" clId="{1F0DE0C9-4FC0-C845-BFA7-24CC39DA5F4A}" dt="2023-10-06T12:25:12.528" v="3343"/>
          <ac:spMkLst>
            <pc:docMk/>
            <pc:sldMk cId="3257091315" sldId="2147483622"/>
            <ac:spMk id="4" creationId="{09377DB5-1DCF-B59A-885D-5C271FEEC48C}"/>
          </ac:spMkLst>
        </pc:spChg>
        <pc:spChg chg="del">
          <ac:chgData name="Arteaga, Marta" userId="7252dfda-6e35-4827-8f3d-812ceb49d8da" providerId="ADAL" clId="{1F0DE0C9-4FC0-C845-BFA7-24CC39DA5F4A}" dt="2023-10-03T14:22:43.480" v="2989" actId="478"/>
          <ac:spMkLst>
            <pc:docMk/>
            <pc:sldMk cId="3257091315" sldId="2147483622"/>
            <ac:spMk id="4" creationId="{C6B015A7-FAF2-402F-67F8-3769DB2753EE}"/>
          </ac:spMkLst>
        </pc:spChg>
        <pc:spChg chg="del">
          <ac:chgData name="Arteaga, Marta" userId="7252dfda-6e35-4827-8f3d-812ceb49d8da" providerId="ADAL" clId="{1F0DE0C9-4FC0-C845-BFA7-24CC39DA5F4A}" dt="2023-10-03T14:22:43.480" v="2989" actId="478"/>
          <ac:spMkLst>
            <pc:docMk/>
            <pc:sldMk cId="3257091315" sldId="2147483622"/>
            <ac:spMk id="6" creationId="{89DDEECB-6638-D90F-F0A2-5C7095F62F24}"/>
          </ac:spMkLst>
        </pc:spChg>
        <pc:spChg chg="add del mod">
          <ac:chgData name="Arteaga, Marta" userId="7252dfda-6e35-4827-8f3d-812ceb49d8da" providerId="ADAL" clId="{1F0DE0C9-4FC0-C845-BFA7-24CC39DA5F4A}" dt="2023-10-06T15:39:44.921" v="4549" actId="478"/>
          <ac:spMkLst>
            <pc:docMk/>
            <pc:sldMk cId="3257091315" sldId="2147483622"/>
            <ac:spMk id="9" creationId="{7EC2532E-256B-CF5E-3DF0-3EB5C6CF63B4}"/>
          </ac:spMkLst>
        </pc:spChg>
        <pc:spChg chg="del">
          <ac:chgData name="Arteaga, Marta" userId="7252dfda-6e35-4827-8f3d-812ceb49d8da" providerId="ADAL" clId="{1F0DE0C9-4FC0-C845-BFA7-24CC39DA5F4A}" dt="2023-10-03T14:22:43.480" v="2989" actId="478"/>
          <ac:spMkLst>
            <pc:docMk/>
            <pc:sldMk cId="3257091315" sldId="2147483622"/>
            <ac:spMk id="9" creationId="{F6D4EA9C-3DCC-1457-7235-D071204496A6}"/>
          </ac:spMkLst>
        </pc:spChg>
        <pc:spChg chg="del">
          <ac:chgData name="Arteaga, Marta" userId="7252dfda-6e35-4827-8f3d-812ceb49d8da" providerId="ADAL" clId="{1F0DE0C9-4FC0-C845-BFA7-24CC39DA5F4A}" dt="2023-10-03T14:22:39.814" v="2988" actId="478"/>
          <ac:spMkLst>
            <pc:docMk/>
            <pc:sldMk cId="3257091315" sldId="2147483622"/>
            <ac:spMk id="10" creationId="{94BEB81A-D717-DBF3-FB2B-FA9AF847699F}"/>
          </ac:spMkLst>
        </pc:spChg>
        <pc:spChg chg="del">
          <ac:chgData name="Arteaga, Marta" userId="7252dfda-6e35-4827-8f3d-812ceb49d8da" providerId="ADAL" clId="{1F0DE0C9-4FC0-C845-BFA7-24CC39DA5F4A}" dt="2023-10-03T14:22:39.814" v="2988" actId="478"/>
          <ac:spMkLst>
            <pc:docMk/>
            <pc:sldMk cId="3257091315" sldId="2147483622"/>
            <ac:spMk id="11" creationId="{EAE82E03-6E4F-9881-180B-DFBA27A510E8}"/>
          </ac:spMkLst>
        </pc:spChg>
        <pc:spChg chg="del">
          <ac:chgData name="Arteaga, Marta" userId="7252dfda-6e35-4827-8f3d-812ceb49d8da" providerId="ADAL" clId="{1F0DE0C9-4FC0-C845-BFA7-24CC39DA5F4A}" dt="2023-10-03T14:22:39.814" v="2988" actId="478"/>
          <ac:spMkLst>
            <pc:docMk/>
            <pc:sldMk cId="3257091315" sldId="2147483622"/>
            <ac:spMk id="12" creationId="{A5D8FDF8-2D42-8157-1B75-819D9A197495}"/>
          </ac:spMkLst>
        </pc:spChg>
        <pc:picChg chg="mod">
          <ac:chgData name="Arteaga, Marta" userId="7252dfda-6e35-4827-8f3d-812ceb49d8da" providerId="ADAL" clId="{1F0DE0C9-4FC0-C845-BFA7-24CC39DA5F4A}" dt="2023-10-03T14:22:49.835" v="2991" actId="1076"/>
          <ac:picMkLst>
            <pc:docMk/>
            <pc:sldMk cId="3257091315" sldId="2147483622"/>
            <ac:picMk id="3" creationId="{318056F7-5F56-C9F7-A27F-4D68D8500A4A}"/>
          </ac:picMkLst>
        </pc:picChg>
        <pc:picChg chg="mod">
          <ac:chgData name="Arteaga, Marta" userId="7252dfda-6e35-4827-8f3d-812ceb49d8da" providerId="ADAL" clId="{1F0DE0C9-4FC0-C845-BFA7-24CC39DA5F4A}" dt="2023-10-03T14:22:55.634" v="2992" actId="1076"/>
          <ac:picMkLst>
            <pc:docMk/>
            <pc:sldMk cId="3257091315" sldId="2147483622"/>
            <ac:picMk id="5" creationId="{0DDA6454-C288-B1C5-78AA-138392EA22C8}"/>
          </ac:picMkLst>
        </pc:picChg>
        <pc:picChg chg="add del mod">
          <ac:chgData name="Arteaga, Marta" userId="7252dfda-6e35-4827-8f3d-812ceb49d8da" providerId="ADAL" clId="{1F0DE0C9-4FC0-C845-BFA7-24CC39DA5F4A}" dt="2023-10-06T12:25:29.601" v="3347" actId="21"/>
          <ac:picMkLst>
            <pc:docMk/>
            <pc:sldMk cId="3257091315" sldId="2147483622"/>
            <ac:picMk id="6" creationId="{4EF221B6-6A1C-2EAE-544A-AF9755163830}"/>
          </ac:picMkLst>
        </pc:picChg>
        <pc:picChg chg="mod">
          <ac:chgData name="Arteaga, Marta" userId="7252dfda-6e35-4827-8f3d-812ceb49d8da" providerId="ADAL" clId="{1F0DE0C9-4FC0-C845-BFA7-24CC39DA5F4A}" dt="2023-10-06T14:05:41.971" v="4369" actId="1076"/>
          <ac:picMkLst>
            <pc:docMk/>
            <pc:sldMk cId="3257091315" sldId="2147483622"/>
            <ac:picMk id="7" creationId="{1C50BD0A-D2DD-6211-CB75-92AE14023CEB}"/>
          </ac:picMkLst>
        </pc:picChg>
      </pc:sldChg>
      <pc:sldChg chg="addSp modSp add del mod ord modShow">
        <pc:chgData name="Arteaga, Marta" userId="7252dfda-6e35-4827-8f3d-812ceb49d8da" providerId="ADAL" clId="{1F0DE0C9-4FC0-C845-BFA7-24CC39DA5F4A}" dt="2023-10-09T14:17:36.809" v="5897" actId="2696"/>
        <pc:sldMkLst>
          <pc:docMk/>
          <pc:sldMk cId="2332240389" sldId="2147483623"/>
        </pc:sldMkLst>
        <pc:spChg chg="add mod">
          <ac:chgData name="Arteaga, Marta" userId="7252dfda-6e35-4827-8f3d-812ceb49d8da" providerId="ADAL" clId="{1F0DE0C9-4FC0-C845-BFA7-24CC39DA5F4A}" dt="2023-10-03T15:30:56.271" v="3116" actId="1076"/>
          <ac:spMkLst>
            <pc:docMk/>
            <pc:sldMk cId="2332240389" sldId="2147483623"/>
            <ac:spMk id="2" creationId="{722B67BF-4CEB-3039-ADD1-3A0651172D69}"/>
          </ac:spMkLst>
        </pc:spChg>
        <pc:spChg chg="add mod">
          <ac:chgData name="Arteaga, Marta" userId="7252dfda-6e35-4827-8f3d-812ceb49d8da" providerId="ADAL" clId="{1F0DE0C9-4FC0-C845-BFA7-24CC39DA5F4A}" dt="2023-10-03T15:33:47.714" v="3145" actId="20577"/>
          <ac:spMkLst>
            <pc:docMk/>
            <pc:sldMk cId="2332240389" sldId="2147483623"/>
            <ac:spMk id="3" creationId="{97C98994-DD12-1F19-B0AC-EF7C007B3EAB}"/>
          </ac:spMkLst>
        </pc:spChg>
        <pc:spChg chg="mod">
          <ac:chgData name="Arteaga, Marta" userId="7252dfda-6e35-4827-8f3d-812ceb49d8da" providerId="ADAL" clId="{1F0DE0C9-4FC0-C845-BFA7-24CC39DA5F4A}" dt="2023-10-03T15:29:21.947" v="3001" actId="14100"/>
          <ac:spMkLst>
            <pc:docMk/>
            <pc:sldMk cId="2332240389" sldId="2147483623"/>
            <ac:spMk id="6" creationId="{00000000-0000-0000-0000-000000000000}"/>
          </ac:spMkLst>
        </pc:spChg>
      </pc:sldChg>
      <pc:sldChg chg="addSp delSp modSp add mod">
        <pc:chgData name="Arteaga, Marta" userId="7252dfda-6e35-4827-8f3d-812ceb49d8da" providerId="ADAL" clId="{1F0DE0C9-4FC0-C845-BFA7-24CC39DA5F4A}" dt="2023-10-06T12:31:38.290" v="4232" actId="478"/>
        <pc:sldMkLst>
          <pc:docMk/>
          <pc:sldMk cId="1511957675" sldId="2147483624"/>
        </pc:sldMkLst>
        <pc:spChg chg="add mod">
          <ac:chgData name="Arteaga, Marta" userId="7252dfda-6e35-4827-8f3d-812ceb49d8da" providerId="ADAL" clId="{1F0DE0C9-4FC0-C845-BFA7-24CC39DA5F4A}" dt="2023-10-04T10:06:57.389" v="3156" actId="2711"/>
          <ac:spMkLst>
            <pc:docMk/>
            <pc:sldMk cId="1511957675" sldId="2147483624"/>
            <ac:spMk id="2" creationId="{55F98CAE-9DFA-CF95-5083-8C8012496D10}"/>
          </ac:spMkLst>
        </pc:spChg>
        <pc:spChg chg="add del mod">
          <ac:chgData name="Arteaga, Marta" userId="7252dfda-6e35-4827-8f3d-812ceb49d8da" providerId="ADAL" clId="{1F0DE0C9-4FC0-C845-BFA7-24CC39DA5F4A}" dt="2023-10-06T12:31:38.290" v="4232" actId="478"/>
          <ac:spMkLst>
            <pc:docMk/>
            <pc:sldMk cId="1511957675" sldId="2147483624"/>
            <ac:spMk id="4" creationId="{33BA6616-B031-D6FC-F7F0-02BC3C3F9DD3}"/>
          </ac:spMkLst>
        </pc:spChg>
        <pc:spChg chg="mod">
          <ac:chgData name="Arteaga, Marta" userId="7252dfda-6e35-4827-8f3d-812ceb49d8da" providerId="ADAL" clId="{1F0DE0C9-4FC0-C845-BFA7-24CC39DA5F4A}" dt="2023-10-03T15:32:58.356" v="3121" actId="20577"/>
          <ac:spMkLst>
            <pc:docMk/>
            <pc:sldMk cId="1511957675" sldId="2147483624"/>
            <ac:spMk id="6" creationId="{00000000-0000-0000-0000-000000000000}"/>
          </ac:spMkLst>
        </pc:spChg>
        <pc:picChg chg="add mod">
          <ac:chgData name="Arteaga, Marta" userId="7252dfda-6e35-4827-8f3d-812ceb49d8da" providerId="ADAL" clId="{1F0DE0C9-4FC0-C845-BFA7-24CC39DA5F4A}" dt="2023-10-03T15:33:20.527" v="3124"/>
          <ac:picMkLst>
            <pc:docMk/>
            <pc:sldMk cId="1511957675" sldId="2147483624"/>
            <ac:picMk id="3" creationId="{6AD1BF1C-B37C-40B2-07FE-6F2BC2CC598D}"/>
          </ac:picMkLst>
        </pc:picChg>
      </pc:sldChg>
      <pc:sldChg chg="addSp delSp modSp add del mod modShow">
        <pc:chgData name="Arteaga, Marta" userId="7252dfda-6e35-4827-8f3d-812ceb49d8da" providerId="ADAL" clId="{1F0DE0C9-4FC0-C845-BFA7-24CC39DA5F4A}" dt="2023-10-09T14:10:56.218" v="5765" actId="2696"/>
        <pc:sldMkLst>
          <pc:docMk/>
          <pc:sldMk cId="898732387" sldId="2147483625"/>
        </pc:sldMkLst>
        <pc:spChg chg="mod">
          <ac:chgData name="Arteaga, Marta" userId="7252dfda-6e35-4827-8f3d-812ceb49d8da" providerId="ADAL" clId="{1F0DE0C9-4FC0-C845-BFA7-24CC39DA5F4A}" dt="2023-10-06T13:57:49.965" v="4276" actId="20577"/>
          <ac:spMkLst>
            <pc:docMk/>
            <pc:sldMk cId="898732387" sldId="2147483625"/>
            <ac:spMk id="5" creationId="{FBA41B3D-4ED6-04E9-FADD-32E7C89D8A9C}"/>
          </ac:spMkLst>
        </pc:spChg>
        <pc:spChg chg="add del mod">
          <ac:chgData name="Arteaga, Marta" userId="7252dfda-6e35-4827-8f3d-812ceb49d8da" providerId="ADAL" clId="{1F0DE0C9-4FC0-C845-BFA7-24CC39DA5F4A}" dt="2023-10-06T14:28:37.752" v="4375" actId="478"/>
          <ac:spMkLst>
            <pc:docMk/>
            <pc:sldMk cId="898732387" sldId="2147483625"/>
            <ac:spMk id="6" creationId="{6DBA1B3E-3091-B850-9B6F-9F693B090C4E}"/>
          </ac:spMkLst>
        </pc:spChg>
        <pc:spChg chg="mod topLvl">
          <ac:chgData name="Arteaga, Marta" userId="7252dfda-6e35-4827-8f3d-812ceb49d8da" providerId="ADAL" clId="{1F0DE0C9-4FC0-C845-BFA7-24CC39DA5F4A}" dt="2023-10-06T13:56:37.575" v="4243" actId="14100"/>
          <ac:spMkLst>
            <pc:docMk/>
            <pc:sldMk cId="898732387" sldId="2147483625"/>
            <ac:spMk id="8" creationId="{68307CC3-0603-7572-C9CB-60E818C9FAA5}"/>
          </ac:spMkLst>
        </pc:spChg>
        <pc:spChg chg="mod">
          <ac:chgData name="Arteaga, Marta" userId="7252dfda-6e35-4827-8f3d-812ceb49d8da" providerId="ADAL" clId="{1F0DE0C9-4FC0-C845-BFA7-24CC39DA5F4A}" dt="2023-10-06T13:58:40.209" v="4282" actId="14100"/>
          <ac:spMkLst>
            <pc:docMk/>
            <pc:sldMk cId="898732387" sldId="2147483625"/>
            <ac:spMk id="9" creationId="{91257047-FDC7-6867-93E3-722B6A6862B0}"/>
          </ac:spMkLst>
        </pc:spChg>
        <pc:spChg chg="add mod">
          <ac:chgData name="Arteaga, Marta" userId="7252dfda-6e35-4827-8f3d-812ceb49d8da" providerId="ADAL" clId="{1F0DE0C9-4FC0-C845-BFA7-24CC39DA5F4A}" dt="2023-10-09T09:39:35.621" v="4870" actId="1038"/>
          <ac:spMkLst>
            <pc:docMk/>
            <pc:sldMk cId="898732387" sldId="2147483625"/>
            <ac:spMk id="12" creationId="{EC68ECC3-EB23-811A-2FAD-7694F2152905}"/>
          </ac:spMkLst>
        </pc:spChg>
        <pc:spChg chg="add mod">
          <ac:chgData name="Arteaga, Marta" userId="7252dfda-6e35-4827-8f3d-812ceb49d8da" providerId="ADAL" clId="{1F0DE0C9-4FC0-C845-BFA7-24CC39DA5F4A}" dt="2023-10-06T13:58:31.597" v="4280" actId="1076"/>
          <ac:spMkLst>
            <pc:docMk/>
            <pc:sldMk cId="898732387" sldId="2147483625"/>
            <ac:spMk id="13" creationId="{5B18FED2-A62E-E155-A71A-1E6D87301E2A}"/>
          </ac:spMkLst>
        </pc:spChg>
        <pc:spChg chg="add mod">
          <ac:chgData name="Arteaga, Marta" userId="7252dfda-6e35-4827-8f3d-812ceb49d8da" providerId="ADAL" clId="{1F0DE0C9-4FC0-C845-BFA7-24CC39DA5F4A}" dt="2023-10-06T14:28:28.162" v="4372" actId="20577"/>
          <ac:spMkLst>
            <pc:docMk/>
            <pc:sldMk cId="898732387" sldId="2147483625"/>
            <ac:spMk id="16" creationId="{2E765815-522F-1B53-8129-A396B3858679}"/>
          </ac:spMkLst>
        </pc:spChg>
        <pc:grpChg chg="del">
          <ac:chgData name="Arteaga, Marta" userId="7252dfda-6e35-4827-8f3d-812ceb49d8da" providerId="ADAL" clId="{1F0DE0C9-4FC0-C845-BFA7-24CC39DA5F4A}" dt="2023-10-06T12:12:44.295" v="3233" actId="478"/>
          <ac:grpSpMkLst>
            <pc:docMk/>
            <pc:sldMk cId="898732387" sldId="2147483625"/>
            <ac:grpSpMk id="2" creationId="{412E6F65-1D02-C3A8-0DF6-568CC80D677A}"/>
          </ac:grpSpMkLst>
        </pc:grpChg>
        <pc:picChg chg="mod">
          <ac:chgData name="Arteaga, Marta" userId="7252dfda-6e35-4827-8f3d-812ceb49d8da" providerId="ADAL" clId="{1F0DE0C9-4FC0-C845-BFA7-24CC39DA5F4A}" dt="2023-10-06T13:56:56.976" v="4247" actId="1076"/>
          <ac:picMkLst>
            <pc:docMk/>
            <pc:sldMk cId="898732387" sldId="2147483625"/>
            <ac:picMk id="4" creationId="{BB7EFFE9-C687-294C-35A7-6711D7652C3E}"/>
          </ac:picMkLst>
        </pc:picChg>
        <pc:picChg chg="add mod">
          <ac:chgData name="Arteaga, Marta" userId="7252dfda-6e35-4827-8f3d-812ceb49d8da" providerId="ADAL" clId="{1F0DE0C9-4FC0-C845-BFA7-24CC39DA5F4A}" dt="2023-10-06T13:56:34.113" v="4241" actId="14100"/>
          <ac:picMkLst>
            <pc:docMk/>
            <pc:sldMk cId="898732387" sldId="2147483625"/>
            <ac:picMk id="7" creationId="{82B17E5A-39D0-8515-82CE-04AF06D2D6AE}"/>
          </ac:picMkLst>
        </pc:picChg>
        <pc:picChg chg="del topLvl">
          <ac:chgData name="Arteaga, Marta" userId="7252dfda-6e35-4827-8f3d-812ceb49d8da" providerId="ADAL" clId="{1F0DE0C9-4FC0-C845-BFA7-24CC39DA5F4A}" dt="2023-10-06T12:12:44.295" v="3233" actId="478"/>
          <ac:picMkLst>
            <pc:docMk/>
            <pc:sldMk cId="898732387" sldId="2147483625"/>
            <ac:picMk id="10" creationId="{E3A6461A-5430-CA7E-F8EB-82BBC94E5FC4}"/>
          </ac:picMkLst>
        </pc:picChg>
        <pc:picChg chg="mod">
          <ac:chgData name="Arteaga, Marta" userId="7252dfda-6e35-4827-8f3d-812ceb49d8da" providerId="ADAL" clId="{1F0DE0C9-4FC0-C845-BFA7-24CC39DA5F4A}" dt="2023-10-06T14:28:35.569" v="4374" actId="1076"/>
          <ac:picMkLst>
            <pc:docMk/>
            <pc:sldMk cId="898732387" sldId="2147483625"/>
            <ac:picMk id="11" creationId="{699F4AC7-FB53-3DE6-453A-066B69576745}"/>
          </ac:picMkLst>
        </pc:picChg>
        <pc:picChg chg="add mod">
          <ac:chgData name="Arteaga, Marta" userId="7252dfda-6e35-4827-8f3d-812ceb49d8da" providerId="ADAL" clId="{1F0DE0C9-4FC0-C845-BFA7-24CC39DA5F4A}" dt="2023-10-06T13:58:35.297" v="4281" actId="1076"/>
          <ac:picMkLst>
            <pc:docMk/>
            <pc:sldMk cId="898732387" sldId="2147483625"/>
            <ac:picMk id="15" creationId="{778CE144-E9F9-A2B8-4F41-076B3C5C27B8}"/>
          </ac:picMkLst>
        </pc:picChg>
      </pc:sldChg>
      <pc:sldChg chg="addSp delSp modSp new mod">
        <pc:chgData name="Arteaga, Marta" userId="7252dfda-6e35-4827-8f3d-812ceb49d8da" providerId="ADAL" clId="{1F0DE0C9-4FC0-C845-BFA7-24CC39DA5F4A}" dt="2023-10-10T08:12:06.579" v="6293" actId="167"/>
        <pc:sldMkLst>
          <pc:docMk/>
          <pc:sldMk cId="2601097485" sldId="2147483626"/>
        </pc:sldMkLst>
        <pc:spChg chg="add mod">
          <ac:chgData name="Arteaga, Marta" userId="7252dfda-6e35-4827-8f3d-812ceb49d8da" providerId="ADAL" clId="{1F0DE0C9-4FC0-C845-BFA7-24CC39DA5F4A}" dt="2023-10-06T14:32:31.470" v="4420" actId="20577"/>
          <ac:spMkLst>
            <pc:docMk/>
            <pc:sldMk cId="2601097485" sldId="2147483626"/>
            <ac:spMk id="5" creationId="{D4C092BD-F8F4-B69F-440A-B740B9CE424A}"/>
          </ac:spMkLst>
        </pc:spChg>
        <pc:spChg chg="add mod">
          <ac:chgData name="Arteaga, Marta" userId="7252dfda-6e35-4827-8f3d-812ceb49d8da" providerId="ADAL" clId="{1F0DE0C9-4FC0-C845-BFA7-24CC39DA5F4A}" dt="2023-10-09T11:28:43.085" v="5068" actId="1076"/>
          <ac:spMkLst>
            <pc:docMk/>
            <pc:sldMk cId="2601097485" sldId="2147483626"/>
            <ac:spMk id="7" creationId="{E0BD1B1A-8109-8741-E6B6-56B98F32678C}"/>
          </ac:spMkLst>
        </pc:spChg>
        <pc:spChg chg="add del mod">
          <ac:chgData name="Arteaga, Marta" userId="7252dfda-6e35-4827-8f3d-812ceb49d8da" providerId="ADAL" clId="{1F0DE0C9-4FC0-C845-BFA7-24CC39DA5F4A}" dt="2023-10-09T14:16:59.402" v="5886" actId="478"/>
          <ac:spMkLst>
            <pc:docMk/>
            <pc:sldMk cId="2601097485" sldId="2147483626"/>
            <ac:spMk id="10" creationId="{9B8A70BE-2F9C-4AD5-D330-74EE4E8E8557}"/>
          </ac:spMkLst>
        </pc:spChg>
        <pc:spChg chg="add mod">
          <ac:chgData name="Arteaga, Marta" userId="7252dfda-6e35-4827-8f3d-812ceb49d8da" providerId="ADAL" clId="{1F0DE0C9-4FC0-C845-BFA7-24CC39DA5F4A}" dt="2023-10-09T15:11:24.952" v="6255" actId="20577"/>
          <ac:spMkLst>
            <pc:docMk/>
            <pc:sldMk cId="2601097485" sldId="2147483626"/>
            <ac:spMk id="11" creationId="{63AF67E0-2ABC-A834-7535-69265EE5190F}"/>
          </ac:spMkLst>
        </pc:spChg>
        <pc:grpChg chg="add del mod">
          <ac:chgData name="Arteaga, Marta" userId="7252dfda-6e35-4827-8f3d-812ceb49d8da" providerId="ADAL" clId="{1F0DE0C9-4FC0-C845-BFA7-24CC39DA5F4A}" dt="2023-10-06T15:39:25.891" v="4526" actId="165"/>
          <ac:grpSpMkLst>
            <pc:docMk/>
            <pc:sldMk cId="2601097485" sldId="2147483626"/>
            <ac:grpSpMk id="7" creationId="{42F1CA52-4502-A29F-E2A9-9EE69E8C91A9}"/>
          </ac:grpSpMkLst>
        </pc:grpChg>
        <pc:picChg chg="add del mod">
          <ac:chgData name="Arteaga, Marta" userId="7252dfda-6e35-4827-8f3d-812ceb49d8da" providerId="ADAL" clId="{1F0DE0C9-4FC0-C845-BFA7-24CC39DA5F4A}" dt="2023-10-09T11:28:05.083" v="5057" actId="478"/>
          <ac:picMkLst>
            <pc:docMk/>
            <pc:sldMk cId="2601097485" sldId="2147483626"/>
            <ac:picMk id="2" creationId="{68248633-C058-D13E-E45A-38AAF77B9691}"/>
          </ac:picMkLst>
        </pc:picChg>
        <pc:picChg chg="add mod">
          <ac:chgData name="Arteaga, Marta" userId="7252dfda-6e35-4827-8f3d-812ceb49d8da" providerId="ADAL" clId="{1F0DE0C9-4FC0-C845-BFA7-24CC39DA5F4A}" dt="2023-10-10T08:12:06.579" v="6293" actId="167"/>
          <ac:picMkLst>
            <pc:docMk/>
            <pc:sldMk cId="2601097485" sldId="2147483626"/>
            <ac:picMk id="2" creationId="{815AA692-A396-6136-26E4-5943D4A0F3F3}"/>
          </ac:picMkLst>
        </pc:picChg>
        <pc:picChg chg="add del mod">
          <ac:chgData name="Arteaga, Marta" userId="7252dfda-6e35-4827-8f3d-812ceb49d8da" providerId="ADAL" clId="{1F0DE0C9-4FC0-C845-BFA7-24CC39DA5F4A}" dt="2023-10-10T08:12:02.171" v="6291" actId="478"/>
          <ac:picMkLst>
            <pc:docMk/>
            <pc:sldMk cId="2601097485" sldId="2147483626"/>
            <ac:picMk id="3" creationId="{83C2855A-58CC-4403-20FC-F23EC38BCE5C}"/>
          </ac:picMkLst>
        </pc:picChg>
        <pc:picChg chg="add mod">
          <ac:chgData name="Arteaga, Marta" userId="7252dfda-6e35-4827-8f3d-812ceb49d8da" providerId="ADAL" clId="{1F0DE0C9-4FC0-C845-BFA7-24CC39DA5F4A}" dt="2023-10-06T14:32:18.038" v="4402"/>
          <ac:picMkLst>
            <pc:docMk/>
            <pc:sldMk cId="2601097485" sldId="2147483626"/>
            <ac:picMk id="4" creationId="{ECC155B6-6EAF-66AE-6BAB-8A2036398C95}"/>
          </ac:picMkLst>
        </pc:picChg>
        <pc:picChg chg="add mod">
          <ac:chgData name="Arteaga, Marta" userId="7252dfda-6e35-4827-8f3d-812ceb49d8da" providerId="ADAL" clId="{1F0DE0C9-4FC0-C845-BFA7-24CC39DA5F4A}" dt="2023-10-06T14:32:18.038" v="4402"/>
          <ac:picMkLst>
            <pc:docMk/>
            <pc:sldMk cId="2601097485" sldId="2147483626"/>
            <ac:picMk id="6" creationId="{64E4D2AD-B277-2BCF-0852-D469630DAC01}"/>
          </ac:picMkLst>
        </pc:picChg>
        <pc:cxnChg chg="del mod topLvl">
          <ac:chgData name="Arteaga, Marta" userId="7252dfda-6e35-4827-8f3d-812ceb49d8da" providerId="ADAL" clId="{1F0DE0C9-4FC0-C845-BFA7-24CC39DA5F4A}" dt="2023-10-09T14:23:51.144" v="5975" actId="478"/>
          <ac:cxnSpMkLst>
            <pc:docMk/>
            <pc:sldMk cId="2601097485" sldId="2147483626"/>
            <ac:cxnSpMk id="8" creationId="{3AB1645F-F199-B75B-CDC6-679D65F79986}"/>
          </ac:cxnSpMkLst>
        </pc:cxnChg>
        <pc:cxnChg chg="del mod topLvl">
          <ac:chgData name="Arteaga, Marta" userId="7252dfda-6e35-4827-8f3d-812ceb49d8da" providerId="ADAL" clId="{1F0DE0C9-4FC0-C845-BFA7-24CC39DA5F4A}" dt="2023-10-09T14:23:24.930" v="5970" actId="478"/>
          <ac:cxnSpMkLst>
            <pc:docMk/>
            <pc:sldMk cId="2601097485" sldId="2147483626"/>
            <ac:cxnSpMk id="9" creationId="{509C5FEB-D00B-F230-02A8-DB9DD21217E8}"/>
          </ac:cxnSpMkLst>
        </pc:cxnChg>
        <pc:cxnChg chg="add mod">
          <ac:chgData name="Arteaga, Marta" userId="7252dfda-6e35-4827-8f3d-812ceb49d8da" providerId="ADAL" clId="{1F0DE0C9-4FC0-C845-BFA7-24CC39DA5F4A}" dt="2023-10-09T15:11:30.509" v="6256" actId="1076"/>
          <ac:cxnSpMkLst>
            <pc:docMk/>
            <pc:sldMk cId="2601097485" sldId="2147483626"/>
            <ac:cxnSpMk id="12" creationId="{6565169A-DCF3-4A77-2877-A3A06BD51462}"/>
          </ac:cxnSpMkLst>
        </pc:cxnChg>
      </pc:sldChg>
      <pc:sldChg chg="addSp delSp modSp add mod">
        <pc:chgData name="Arteaga, Marta" userId="7252dfda-6e35-4827-8f3d-812ceb49d8da" providerId="ADAL" clId="{1F0DE0C9-4FC0-C845-BFA7-24CC39DA5F4A}" dt="2023-10-10T08:13:59.115" v="6326" actId="1037"/>
        <pc:sldMkLst>
          <pc:docMk/>
          <pc:sldMk cId="3689218210" sldId="2147483627"/>
        </pc:sldMkLst>
        <pc:spChg chg="mod">
          <ac:chgData name="Arteaga, Marta" userId="7252dfda-6e35-4827-8f3d-812ceb49d8da" providerId="ADAL" clId="{1F0DE0C9-4FC0-C845-BFA7-24CC39DA5F4A}" dt="2023-10-09T15:00:42.704" v="6076" actId="403"/>
          <ac:spMkLst>
            <pc:docMk/>
            <pc:sldMk cId="3689218210" sldId="2147483627"/>
            <ac:spMk id="5" creationId="{D4C092BD-F8F4-B69F-440A-B740B9CE424A}"/>
          </ac:spMkLst>
        </pc:spChg>
        <pc:spChg chg="add mod">
          <ac:chgData name="Arteaga, Marta" userId="7252dfda-6e35-4827-8f3d-812ceb49d8da" providerId="ADAL" clId="{1F0DE0C9-4FC0-C845-BFA7-24CC39DA5F4A}" dt="2023-10-10T08:13:59.115" v="6326" actId="1037"/>
          <ac:spMkLst>
            <pc:docMk/>
            <pc:sldMk cId="3689218210" sldId="2147483627"/>
            <ac:spMk id="7" creationId="{DF70036D-1F37-1F3F-F3FD-95167D39C5FE}"/>
          </ac:spMkLst>
        </pc:spChg>
        <pc:spChg chg="del mod">
          <ac:chgData name="Arteaga, Marta" userId="7252dfda-6e35-4827-8f3d-812ceb49d8da" providerId="ADAL" clId="{1F0DE0C9-4FC0-C845-BFA7-24CC39DA5F4A}" dt="2023-10-09T14:16:45.881" v="5882" actId="478"/>
          <ac:spMkLst>
            <pc:docMk/>
            <pc:sldMk cId="3689218210" sldId="2147483627"/>
            <ac:spMk id="10" creationId="{9B8A70BE-2F9C-4AD5-D330-74EE4E8E8557}"/>
          </ac:spMkLst>
        </pc:spChg>
        <pc:spChg chg="add mod">
          <ac:chgData name="Arteaga, Marta" userId="7252dfda-6e35-4827-8f3d-812ceb49d8da" providerId="ADAL" clId="{1F0DE0C9-4FC0-C845-BFA7-24CC39DA5F4A}" dt="2023-10-10T08:13:59.115" v="6326" actId="1037"/>
          <ac:spMkLst>
            <pc:docMk/>
            <pc:sldMk cId="3689218210" sldId="2147483627"/>
            <ac:spMk id="11" creationId="{D694DC1D-CF78-8AF8-377A-BB970CA841D2}"/>
          </ac:spMkLst>
        </pc:spChg>
        <pc:spChg chg="add del mod">
          <ac:chgData name="Arteaga, Marta" userId="7252dfda-6e35-4827-8f3d-812ceb49d8da" providerId="ADAL" clId="{1F0DE0C9-4FC0-C845-BFA7-24CC39DA5F4A}" dt="2023-10-09T14:23:07.941" v="5966" actId="478"/>
          <ac:spMkLst>
            <pc:docMk/>
            <pc:sldMk cId="3689218210" sldId="2147483627"/>
            <ac:spMk id="12" creationId="{FEC0A270-B249-085B-F117-3DDD300047EF}"/>
          </ac:spMkLst>
        </pc:spChg>
        <pc:grpChg chg="del mod">
          <ac:chgData name="Arteaga, Marta" userId="7252dfda-6e35-4827-8f3d-812ceb49d8da" providerId="ADAL" clId="{1F0DE0C9-4FC0-C845-BFA7-24CC39DA5F4A}" dt="2023-10-06T15:39:05.956" v="4504" actId="165"/>
          <ac:grpSpMkLst>
            <pc:docMk/>
            <pc:sldMk cId="3689218210" sldId="2147483627"/>
            <ac:grpSpMk id="7" creationId="{42F1CA52-4502-A29F-E2A9-9EE69E8C91A9}"/>
          </ac:grpSpMkLst>
        </pc:grpChg>
        <pc:picChg chg="add mod">
          <ac:chgData name="Arteaga, Marta" userId="7252dfda-6e35-4827-8f3d-812ceb49d8da" providerId="ADAL" clId="{1F0DE0C9-4FC0-C845-BFA7-24CC39DA5F4A}" dt="2023-10-10T08:11:53.106" v="6290" actId="167"/>
          <ac:picMkLst>
            <pc:docMk/>
            <pc:sldMk cId="3689218210" sldId="2147483627"/>
            <ac:picMk id="2" creationId="{53673274-D7D8-F041-D767-4FB300F3E7A9}"/>
          </ac:picMkLst>
        </pc:picChg>
        <pc:picChg chg="del">
          <ac:chgData name="Arteaga, Marta" userId="7252dfda-6e35-4827-8f3d-812ceb49d8da" providerId="ADAL" clId="{1F0DE0C9-4FC0-C845-BFA7-24CC39DA5F4A}" dt="2023-10-09T14:21:41.790" v="5940" actId="478"/>
          <ac:picMkLst>
            <pc:docMk/>
            <pc:sldMk cId="3689218210" sldId="2147483627"/>
            <ac:picMk id="2" creationId="{68248633-C058-D13E-E45A-38AAF77B9691}"/>
          </ac:picMkLst>
        </pc:picChg>
        <pc:picChg chg="del mod">
          <ac:chgData name="Arteaga, Marta" userId="7252dfda-6e35-4827-8f3d-812ceb49d8da" providerId="ADAL" clId="{1F0DE0C9-4FC0-C845-BFA7-24CC39DA5F4A}" dt="2023-10-10T08:11:39.004" v="6288" actId="478"/>
          <ac:picMkLst>
            <pc:docMk/>
            <pc:sldMk cId="3689218210" sldId="2147483627"/>
            <ac:picMk id="3" creationId="{83C2855A-58CC-4403-20FC-F23EC38BCE5C}"/>
          </ac:picMkLst>
        </pc:picChg>
        <pc:picChg chg="mod">
          <ac:chgData name="Arteaga, Marta" userId="7252dfda-6e35-4827-8f3d-812ceb49d8da" providerId="ADAL" clId="{1F0DE0C9-4FC0-C845-BFA7-24CC39DA5F4A}" dt="2023-10-06T14:33:36.085" v="4501" actId="1035"/>
          <ac:picMkLst>
            <pc:docMk/>
            <pc:sldMk cId="3689218210" sldId="2147483627"/>
            <ac:picMk id="4" creationId="{ECC155B6-6EAF-66AE-6BAB-8A2036398C95}"/>
          </ac:picMkLst>
        </pc:picChg>
        <pc:cxnChg chg="del mod topLvl">
          <ac:chgData name="Arteaga, Marta" userId="7252dfda-6e35-4827-8f3d-812ceb49d8da" providerId="ADAL" clId="{1F0DE0C9-4FC0-C845-BFA7-24CC39DA5F4A}" dt="2023-10-09T14:22:17.294" v="5954" actId="478"/>
          <ac:cxnSpMkLst>
            <pc:docMk/>
            <pc:sldMk cId="3689218210" sldId="2147483627"/>
            <ac:cxnSpMk id="8" creationId="{3AB1645F-F199-B75B-CDC6-679D65F79986}"/>
          </ac:cxnSpMkLst>
        </pc:cxnChg>
        <pc:cxnChg chg="del mod topLvl">
          <ac:chgData name="Arteaga, Marta" userId="7252dfda-6e35-4827-8f3d-812ceb49d8da" providerId="ADAL" clId="{1F0DE0C9-4FC0-C845-BFA7-24CC39DA5F4A}" dt="2023-10-09T14:22:16.122" v="5953" actId="478"/>
          <ac:cxnSpMkLst>
            <pc:docMk/>
            <pc:sldMk cId="3689218210" sldId="2147483627"/>
            <ac:cxnSpMk id="9" creationId="{509C5FEB-D00B-F230-02A8-DB9DD21217E8}"/>
          </ac:cxnSpMkLst>
        </pc:cxnChg>
        <pc:cxnChg chg="add del">
          <ac:chgData name="Arteaga, Marta" userId="7252dfda-6e35-4827-8f3d-812ceb49d8da" providerId="ADAL" clId="{1F0DE0C9-4FC0-C845-BFA7-24CC39DA5F4A}" dt="2023-10-09T14:23:18.336" v="5968" actId="478"/>
          <ac:cxnSpMkLst>
            <pc:docMk/>
            <pc:sldMk cId="3689218210" sldId="2147483627"/>
            <ac:cxnSpMk id="14" creationId="{215083FB-BDB6-7A00-1890-4DEF2A26B1E2}"/>
          </ac:cxnSpMkLst>
        </pc:cxnChg>
        <pc:cxnChg chg="add mod">
          <ac:chgData name="Arteaga, Marta" userId="7252dfda-6e35-4827-8f3d-812ceb49d8da" providerId="ADAL" clId="{1F0DE0C9-4FC0-C845-BFA7-24CC39DA5F4A}" dt="2023-10-10T08:13:59.115" v="6326" actId="1037"/>
          <ac:cxnSpMkLst>
            <pc:docMk/>
            <pc:sldMk cId="3689218210" sldId="2147483627"/>
            <ac:cxnSpMk id="15" creationId="{2B120592-1FE2-1566-A121-A769FE9CA61C}"/>
          </ac:cxnSpMkLst>
        </pc:cxnChg>
      </pc:sldChg>
      <pc:sldChg chg="addSp delSp modSp add mod">
        <pc:chgData name="Arteaga, Marta" userId="7252dfda-6e35-4827-8f3d-812ceb49d8da" providerId="ADAL" clId="{1F0DE0C9-4FC0-C845-BFA7-24CC39DA5F4A}" dt="2023-10-09T15:00:17.266" v="6075" actId="1076"/>
        <pc:sldMkLst>
          <pc:docMk/>
          <pc:sldMk cId="1924025613" sldId="2147483628"/>
        </pc:sldMkLst>
        <pc:spChg chg="mod">
          <ac:chgData name="Arteaga, Marta" userId="7252dfda-6e35-4827-8f3d-812ceb49d8da" providerId="ADAL" clId="{1F0DE0C9-4FC0-C845-BFA7-24CC39DA5F4A}" dt="2023-10-09T14:59:55.348" v="6070" actId="1076"/>
          <ac:spMkLst>
            <pc:docMk/>
            <pc:sldMk cId="1924025613" sldId="2147483628"/>
            <ac:spMk id="3" creationId="{13CA87B9-7C51-B378-1296-CBEC7AE8E61B}"/>
          </ac:spMkLst>
        </pc:spChg>
        <pc:spChg chg="add mod">
          <ac:chgData name="Arteaga, Marta" userId="7252dfda-6e35-4827-8f3d-812ceb49d8da" providerId="ADAL" clId="{1F0DE0C9-4FC0-C845-BFA7-24CC39DA5F4A}" dt="2023-10-09T15:00:05.948" v="6073" actId="1076"/>
          <ac:spMkLst>
            <pc:docMk/>
            <pc:sldMk cId="1924025613" sldId="2147483628"/>
            <ac:spMk id="4" creationId="{FDC8285E-11EA-81EE-556B-6994FA958C22}"/>
          </ac:spMkLst>
        </pc:spChg>
        <pc:spChg chg="mod">
          <ac:chgData name="Arteaga, Marta" userId="7252dfda-6e35-4827-8f3d-812ceb49d8da" providerId="ADAL" clId="{1F0DE0C9-4FC0-C845-BFA7-24CC39DA5F4A}" dt="2023-10-09T14:59:58.814" v="6071" actId="1076"/>
          <ac:spMkLst>
            <pc:docMk/>
            <pc:sldMk cId="1924025613" sldId="2147483628"/>
            <ac:spMk id="5" creationId="{FE3D0BB4-D4AA-56D2-2C3B-92DAA59CB05F}"/>
          </ac:spMkLst>
        </pc:spChg>
        <pc:spChg chg="mod">
          <ac:chgData name="Arteaga, Marta" userId="7252dfda-6e35-4827-8f3d-812ceb49d8da" providerId="ADAL" clId="{1F0DE0C9-4FC0-C845-BFA7-24CC39DA5F4A}" dt="2023-10-09T14:59:44.449" v="6068" actId="1076"/>
          <ac:spMkLst>
            <pc:docMk/>
            <pc:sldMk cId="1924025613" sldId="2147483628"/>
            <ac:spMk id="6" creationId="{00000000-0000-0000-0000-000000000000}"/>
          </ac:spMkLst>
        </pc:spChg>
        <pc:spChg chg="mod">
          <ac:chgData name="Arteaga, Marta" userId="7252dfda-6e35-4827-8f3d-812ceb49d8da" providerId="ADAL" clId="{1F0DE0C9-4FC0-C845-BFA7-24CC39DA5F4A}" dt="2023-10-09T15:00:02.182" v="6072" actId="1076"/>
          <ac:spMkLst>
            <pc:docMk/>
            <pc:sldMk cId="1924025613" sldId="2147483628"/>
            <ac:spMk id="8" creationId="{B4E9D9CD-7865-0A78-2183-CB39951ECC97}"/>
          </ac:spMkLst>
        </pc:spChg>
        <pc:spChg chg="mod">
          <ac:chgData name="Arteaga, Marta" userId="7252dfda-6e35-4827-8f3d-812ceb49d8da" providerId="ADAL" clId="{1F0DE0C9-4FC0-C845-BFA7-24CC39DA5F4A}" dt="2023-10-09T15:00:17.266" v="6075" actId="1076"/>
          <ac:spMkLst>
            <pc:docMk/>
            <pc:sldMk cId="1924025613" sldId="2147483628"/>
            <ac:spMk id="9" creationId="{B4021350-B9BF-4CAA-AF47-BD7BFD28870A}"/>
          </ac:spMkLst>
        </pc:spChg>
        <pc:spChg chg="add del mod">
          <ac:chgData name="Arteaga, Marta" userId="7252dfda-6e35-4827-8f3d-812ceb49d8da" providerId="ADAL" clId="{1F0DE0C9-4FC0-C845-BFA7-24CC39DA5F4A}" dt="2023-10-09T09:00:35.253" v="4757"/>
          <ac:spMkLst>
            <pc:docMk/>
            <pc:sldMk cId="1924025613" sldId="2147483628"/>
            <ac:spMk id="11" creationId="{0D725515-F906-1418-28F9-D8FE6434ED1D}"/>
          </ac:spMkLst>
        </pc:spChg>
        <pc:spChg chg="mod">
          <ac:chgData name="Arteaga, Marta" userId="7252dfda-6e35-4827-8f3d-812ceb49d8da" providerId="ADAL" clId="{1F0DE0C9-4FC0-C845-BFA7-24CC39DA5F4A}" dt="2023-10-09T09:09:42.682" v="4855" actId="1036"/>
          <ac:spMkLst>
            <pc:docMk/>
            <pc:sldMk cId="1924025613" sldId="2147483628"/>
            <ac:spMk id="15" creationId="{DEC8FDAF-BAB6-95BD-3891-A7C6A2098B7A}"/>
          </ac:spMkLst>
        </pc:spChg>
        <pc:spChg chg="mod">
          <ac:chgData name="Arteaga, Marta" userId="7252dfda-6e35-4827-8f3d-812ceb49d8da" providerId="ADAL" clId="{1F0DE0C9-4FC0-C845-BFA7-24CC39DA5F4A}" dt="2023-10-09T09:09:42.682" v="4855" actId="1036"/>
          <ac:spMkLst>
            <pc:docMk/>
            <pc:sldMk cId="1924025613" sldId="2147483628"/>
            <ac:spMk id="16" creationId="{C51E675B-5A79-D7B8-7938-172EAEC13364}"/>
          </ac:spMkLst>
        </pc:spChg>
        <pc:picChg chg="add mod">
          <ac:chgData name="Arteaga, Marta" userId="7252dfda-6e35-4827-8f3d-812ceb49d8da" providerId="ADAL" clId="{1F0DE0C9-4FC0-C845-BFA7-24CC39DA5F4A}" dt="2023-10-09T09:03:02.087" v="4807" actId="1076"/>
          <ac:picMkLst>
            <pc:docMk/>
            <pc:sldMk cId="1924025613" sldId="2147483628"/>
            <ac:picMk id="2" creationId="{46221EB8-A8A3-2DB3-782C-FD7A9C498621}"/>
          </ac:picMkLst>
        </pc:picChg>
        <pc:picChg chg="del mod">
          <ac:chgData name="Arteaga, Marta" userId="7252dfda-6e35-4827-8f3d-812ceb49d8da" providerId="ADAL" clId="{1F0DE0C9-4FC0-C845-BFA7-24CC39DA5F4A}" dt="2023-10-09T08:54:10.054" v="4637" actId="478"/>
          <ac:picMkLst>
            <pc:docMk/>
            <pc:sldMk cId="1924025613" sldId="2147483628"/>
            <ac:picMk id="7" creationId="{0B0D282E-F906-6AB7-6801-BD61013E08FF}"/>
          </ac:picMkLst>
        </pc:picChg>
        <pc:picChg chg="mod">
          <ac:chgData name="Arteaga, Marta" userId="7252dfda-6e35-4827-8f3d-812ceb49d8da" providerId="ADAL" clId="{1F0DE0C9-4FC0-C845-BFA7-24CC39DA5F4A}" dt="2023-10-09T14:59:50.233" v="6069" actId="14100"/>
          <ac:picMkLst>
            <pc:docMk/>
            <pc:sldMk cId="1924025613" sldId="2147483628"/>
            <ac:picMk id="10" creationId="{3744C784-775D-9E9A-E15F-6C4ACD1E62C3}"/>
          </ac:picMkLst>
        </pc:picChg>
        <pc:picChg chg="add mod">
          <ac:chgData name="Arteaga, Marta" userId="7252dfda-6e35-4827-8f3d-812ceb49d8da" providerId="ADAL" clId="{1F0DE0C9-4FC0-C845-BFA7-24CC39DA5F4A}" dt="2023-10-09T15:00:09.946" v="6074" actId="1076"/>
          <ac:picMkLst>
            <pc:docMk/>
            <pc:sldMk cId="1924025613" sldId="2147483628"/>
            <ac:picMk id="13" creationId="{E01643D7-5A69-7E40-2BBA-1CE8DB34E446}"/>
          </ac:picMkLst>
        </pc:picChg>
      </pc:sldChg>
      <pc:sldChg chg="addSp delSp modSp new del mod">
        <pc:chgData name="Arteaga, Marta" userId="7252dfda-6e35-4827-8f3d-812ceb49d8da" providerId="ADAL" clId="{1F0DE0C9-4FC0-C845-BFA7-24CC39DA5F4A}" dt="2023-10-06T15:54:24.173" v="4615" actId="2696"/>
        <pc:sldMkLst>
          <pc:docMk/>
          <pc:sldMk cId="2547728854" sldId="2147483628"/>
        </pc:sldMkLst>
        <pc:spChg chg="del">
          <ac:chgData name="Arteaga, Marta" userId="7252dfda-6e35-4827-8f3d-812ceb49d8da" providerId="ADAL" clId="{1F0DE0C9-4FC0-C845-BFA7-24CC39DA5F4A}" dt="2023-10-06T15:44:03.022" v="4558" actId="478"/>
          <ac:spMkLst>
            <pc:docMk/>
            <pc:sldMk cId="2547728854" sldId="2147483628"/>
            <ac:spMk id="2" creationId="{4DFC6788-B9EC-10E9-6C3E-27021590EBB6}"/>
          </ac:spMkLst>
        </pc:spChg>
        <pc:spChg chg="mod">
          <ac:chgData name="Arteaga, Marta" userId="7252dfda-6e35-4827-8f3d-812ceb49d8da" providerId="ADAL" clId="{1F0DE0C9-4FC0-C845-BFA7-24CC39DA5F4A}" dt="2023-10-06T15:47:37.628" v="4597" actId="313"/>
          <ac:spMkLst>
            <pc:docMk/>
            <pc:sldMk cId="2547728854" sldId="2147483628"/>
            <ac:spMk id="3" creationId="{AF717BCE-CCEB-EBD2-718E-38FB17143F36}"/>
          </ac:spMkLst>
        </pc:spChg>
        <pc:picChg chg="add del mod">
          <ac:chgData name="Arteaga, Marta" userId="7252dfda-6e35-4827-8f3d-812ceb49d8da" providerId="ADAL" clId="{1F0DE0C9-4FC0-C845-BFA7-24CC39DA5F4A}" dt="2023-10-06T15:48:23.971" v="4601" actId="21"/>
          <ac:picMkLst>
            <pc:docMk/>
            <pc:sldMk cId="2547728854" sldId="2147483628"/>
            <ac:picMk id="4" creationId="{7BA1B9A0-D3A8-5353-8723-02F8BE746CBB}"/>
          </ac:picMkLst>
        </pc:picChg>
        <pc:picChg chg="add del mod">
          <ac:chgData name="Arteaga, Marta" userId="7252dfda-6e35-4827-8f3d-812ceb49d8da" providerId="ADAL" clId="{1F0DE0C9-4FC0-C845-BFA7-24CC39DA5F4A}" dt="2023-10-06T15:48:23.971" v="4601" actId="21"/>
          <ac:picMkLst>
            <pc:docMk/>
            <pc:sldMk cId="2547728854" sldId="2147483628"/>
            <ac:picMk id="5" creationId="{3048A3AD-BDD3-62E0-E624-C549E346AC7B}"/>
          </ac:picMkLst>
        </pc:picChg>
      </pc:sldChg>
      <pc:sldChg chg="addSp delSp modSp del mod ord">
        <pc:chgData name="Arteaga, Marta" userId="7252dfda-6e35-4827-8f3d-812ceb49d8da" providerId="ADAL" clId="{1F0DE0C9-4FC0-C845-BFA7-24CC39DA5F4A}" dt="2023-10-10T07:29:32.112" v="6287" actId="2696"/>
        <pc:sldMkLst>
          <pc:docMk/>
          <pc:sldMk cId="2094144802" sldId="2147483630"/>
        </pc:sldMkLst>
        <pc:spChg chg="mod">
          <ac:chgData name="Arteaga, Marta" userId="7252dfda-6e35-4827-8f3d-812ceb49d8da" providerId="ADAL" clId="{1F0DE0C9-4FC0-C845-BFA7-24CC39DA5F4A}" dt="2023-10-09T11:35:15.484" v="5097" actId="1076"/>
          <ac:spMkLst>
            <pc:docMk/>
            <pc:sldMk cId="2094144802" sldId="2147483630"/>
            <ac:spMk id="4" creationId="{D86A7B81-B0CB-FE22-EC96-136EAE664C68}"/>
          </ac:spMkLst>
        </pc:spChg>
        <pc:spChg chg="add del mod">
          <ac:chgData name="Arteaga, Marta" userId="7252dfda-6e35-4827-8f3d-812ceb49d8da" providerId="ADAL" clId="{1F0DE0C9-4FC0-C845-BFA7-24CC39DA5F4A}" dt="2023-10-09T11:35:12.763" v="5096" actId="478"/>
          <ac:spMkLst>
            <pc:docMk/>
            <pc:sldMk cId="2094144802" sldId="2147483630"/>
            <ac:spMk id="6" creationId="{79EAE91E-FB3E-A109-F386-D9E0200C6928}"/>
          </ac:spMkLst>
        </pc:spChg>
      </pc:sldChg>
      <pc:sldChg chg="addSp delSp modSp add del mod ord">
        <pc:chgData name="Arteaga, Marta" userId="7252dfda-6e35-4827-8f3d-812ceb49d8da" providerId="ADAL" clId="{1F0DE0C9-4FC0-C845-BFA7-24CC39DA5F4A}" dt="2023-10-10T08:13:03.471" v="6304" actId="167"/>
        <pc:sldMkLst>
          <pc:docMk/>
          <pc:sldMk cId="1319698470" sldId="2147483631"/>
        </pc:sldMkLst>
        <pc:spChg chg="mod">
          <ac:chgData name="Arteaga, Marta" userId="7252dfda-6e35-4827-8f3d-812ceb49d8da" providerId="ADAL" clId="{1F0DE0C9-4FC0-C845-BFA7-24CC39DA5F4A}" dt="2023-10-09T15:27:40.630" v="6260" actId="1036"/>
          <ac:spMkLst>
            <pc:docMk/>
            <pc:sldMk cId="1319698470" sldId="2147483631"/>
            <ac:spMk id="4" creationId="{D86A7B81-B0CB-FE22-EC96-136EAE664C68}"/>
          </ac:spMkLst>
        </pc:spChg>
        <pc:spChg chg="mod">
          <ac:chgData name="Arteaga, Marta" userId="7252dfda-6e35-4827-8f3d-812ceb49d8da" providerId="ADAL" clId="{1F0DE0C9-4FC0-C845-BFA7-24CC39DA5F4A}" dt="2023-10-09T16:57:50.849" v="6286" actId="1038"/>
          <ac:spMkLst>
            <pc:docMk/>
            <pc:sldMk cId="1319698470" sldId="2147483631"/>
            <ac:spMk id="6" creationId="{79EAE91E-FB3E-A109-F386-D9E0200C6928}"/>
          </ac:spMkLst>
        </pc:spChg>
        <pc:spChg chg="mod">
          <ac:chgData name="Arteaga, Marta" userId="7252dfda-6e35-4827-8f3d-812ceb49d8da" providerId="ADAL" clId="{1F0DE0C9-4FC0-C845-BFA7-24CC39DA5F4A}" dt="2023-10-09T11:35:53.469" v="5116" actId="1076"/>
          <ac:spMkLst>
            <pc:docMk/>
            <pc:sldMk cId="1319698470" sldId="2147483631"/>
            <ac:spMk id="7" creationId="{BF7253DD-E1D5-549E-0E2E-F3AE15337447}"/>
          </ac:spMkLst>
        </pc:spChg>
        <pc:spChg chg="mod">
          <ac:chgData name="Arteaga, Marta" userId="7252dfda-6e35-4827-8f3d-812ceb49d8da" providerId="ADAL" clId="{1F0DE0C9-4FC0-C845-BFA7-24CC39DA5F4A}" dt="2023-10-09T16:57:40.288" v="6268" actId="14100"/>
          <ac:spMkLst>
            <pc:docMk/>
            <pc:sldMk cId="1319698470" sldId="2147483631"/>
            <ac:spMk id="15" creationId="{072356D4-31C8-D54E-343D-9EC057E1275D}"/>
          </ac:spMkLst>
        </pc:spChg>
        <pc:grpChg chg="del mod">
          <ac:chgData name="Arteaga, Marta" userId="7252dfda-6e35-4827-8f3d-812ceb49d8da" providerId="ADAL" clId="{1F0DE0C9-4FC0-C845-BFA7-24CC39DA5F4A}" dt="2023-10-09T14:25:06.320" v="5992" actId="478"/>
          <ac:grpSpMkLst>
            <pc:docMk/>
            <pc:sldMk cId="1319698470" sldId="2147483631"/>
            <ac:grpSpMk id="16" creationId="{FC874FB9-5379-3E1C-A96F-C3E6076CC97F}"/>
          </ac:grpSpMkLst>
        </pc:grpChg>
        <pc:picChg chg="del mod">
          <ac:chgData name="Arteaga, Marta" userId="7252dfda-6e35-4827-8f3d-812ceb49d8da" providerId="ADAL" clId="{1F0DE0C9-4FC0-C845-BFA7-24CC39DA5F4A}" dt="2023-10-10T08:12:33.790" v="6298" actId="478"/>
          <ac:picMkLst>
            <pc:docMk/>
            <pc:sldMk cId="1319698470" sldId="2147483631"/>
            <ac:picMk id="3" creationId="{C436CBE9-6CC0-CAC6-8B8E-C2975FF8AA5C}"/>
          </ac:picMkLst>
        </pc:picChg>
        <pc:picChg chg="mod">
          <ac:chgData name="Arteaga, Marta" userId="7252dfda-6e35-4827-8f3d-812ceb49d8da" providerId="ADAL" clId="{1F0DE0C9-4FC0-C845-BFA7-24CC39DA5F4A}" dt="2023-10-09T11:35:53.469" v="5116" actId="1076"/>
          <ac:picMkLst>
            <pc:docMk/>
            <pc:sldMk cId="1319698470" sldId="2147483631"/>
            <ac:picMk id="5" creationId="{34C03928-BFC8-027C-E147-AD3B52C07C4A}"/>
          </ac:picMkLst>
        </pc:picChg>
        <pc:picChg chg="add del mod">
          <ac:chgData name="Arteaga, Marta" userId="7252dfda-6e35-4827-8f3d-812ceb49d8da" providerId="ADAL" clId="{1F0DE0C9-4FC0-C845-BFA7-24CC39DA5F4A}" dt="2023-10-10T08:12:56.351" v="6302"/>
          <ac:picMkLst>
            <pc:docMk/>
            <pc:sldMk cId="1319698470" sldId="2147483631"/>
            <ac:picMk id="8" creationId="{ECC21467-69E5-5701-51ED-B7903FC496D4}"/>
          </ac:picMkLst>
        </pc:picChg>
        <pc:picChg chg="add mod">
          <ac:chgData name="Arteaga, Marta" userId="7252dfda-6e35-4827-8f3d-812ceb49d8da" providerId="ADAL" clId="{1F0DE0C9-4FC0-C845-BFA7-24CC39DA5F4A}" dt="2023-10-10T08:13:03.471" v="6304" actId="167"/>
          <ac:picMkLst>
            <pc:docMk/>
            <pc:sldMk cId="1319698470" sldId="2147483631"/>
            <ac:picMk id="9" creationId="{610DEA51-227F-8BE4-EA15-BBDAF3C29325}"/>
          </ac:picMkLst>
        </pc:picChg>
      </pc:sldChg>
      <pc:sldChg chg="addSp delSp modSp mod">
        <pc:chgData name="Arteaga, Marta" userId="7252dfda-6e35-4827-8f3d-812ceb49d8da" providerId="ADAL" clId="{1F0DE0C9-4FC0-C845-BFA7-24CC39DA5F4A}" dt="2023-10-10T08:13:38.517" v="6309" actId="14100"/>
        <pc:sldMkLst>
          <pc:docMk/>
          <pc:sldMk cId="115265151" sldId="2147483632"/>
        </pc:sldMkLst>
        <pc:spChg chg="del">
          <ac:chgData name="Arteaga, Marta" userId="7252dfda-6e35-4827-8f3d-812ceb49d8da" providerId="ADAL" clId="{1F0DE0C9-4FC0-C845-BFA7-24CC39DA5F4A}" dt="2023-10-09T14:12:24.993" v="5786" actId="478"/>
          <ac:spMkLst>
            <pc:docMk/>
            <pc:sldMk cId="115265151" sldId="2147483632"/>
            <ac:spMk id="2" creationId="{1EE56789-027D-79D2-80A3-33A0BBFC5A44}"/>
          </ac:spMkLst>
        </pc:spChg>
        <pc:spChg chg="mod">
          <ac:chgData name="Arteaga, Marta" userId="7252dfda-6e35-4827-8f3d-812ceb49d8da" providerId="ADAL" clId="{1F0DE0C9-4FC0-C845-BFA7-24CC39DA5F4A}" dt="2023-10-09T12:17:04.728" v="5329" actId="1076"/>
          <ac:spMkLst>
            <pc:docMk/>
            <pc:sldMk cId="115265151" sldId="2147483632"/>
            <ac:spMk id="5" creationId="{FBA41B3D-4ED6-04E9-FADD-32E7C89D8A9C}"/>
          </ac:spMkLst>
        </pc:spChg>
        <pc:spChg chg="del">
          <ac:chgData name="Arteaga, Marta" userId="7252dfda-6e35-4827-8f3d-812ceb49d8da" providerId="ADAL" clId="{1F0DE0C9-4FC0-C845-BFA7-24CC39DA5F4A}" dt="2023-10-09T14:12:24.993" v="5786" actId="478"/>
          <ac:spMkLst>
            <pc:docMk/>
            <pc:sldMk cId="115265151" sldId="2147483632"/>
            <ac:spMk id="6" creationId="{A6BEE16D-7A42-7074-03D5-D40A6B92EADF}"/>
          </ac:spMkLst>
        </pc:spChg>
        <pc:spChg chg="mod">
          <ac:chgData name="Arteaga, Marta" userId="7252dfda-6e35-4827-8f3d-812ceb49d8da" providerId="ADAL" clId="{1F0DE0C9-4FC0-C845-BFA7-24CC39DA5F4A}" dt="2023-10-09T12:17:34.577" v="5337" actId="20577"/>
          <ac:spMkLst>
            <pc:docMk/>
            <pc:sldMk cId="115265151" sldId="2147483632"/>
            <ac:spMk id="8" creationId="{68307CC3-0603-7572-C9CB-60E818C9FAA5}"/>
          </ac:spMkLst>
        </pc:spChg>
        <pc:spChg chg="mod">
          <ac:chgData name="Arteaga, Marta" userId="7252dfda-6e35-4827-8f3d-812ceb49d8da" providerId="ADAL" clId="{1F0DE0C9-4FC0-C845-BFA7-24CC39DA5F4A}" dt="2023-10-09T14:14:47.576" v="5880" actId="207"/>
          <ac:spMkLst>
            <pc:docMk/>
            <pc:sldMk cId="115265151" sldId="2147483632"/>
            <ac:spMk id="9" creationId="{91257047-FDC7-6867-93E3-722B6A6862B0}"/>
          </ac:spMkLst>
        </pc:spChg>
        <pc:spChg chg="del">
          <ac:chgData name="Arteaga, Marta" userId="7252dfda-6e35-4827-8f3d-812ceb49d8da" providerId="ADAL" clId="{1F0DE0C9-4FC0-C845-BFA7-24CC39DA5F4A}" dt="2023-10-09T14:12:24.993" v="5786" actId="478"/>
          <ac:spMkLst>
            <pc:docMk/>
            <pc:sldMk cId="115265151" sldId="2147483632"/>
            <ac:spMk id="10" creationId="{625A748C-2EED-3A84-5AD2-B720A27D1017}"/>
          </ac:spMkLst>
        </pc:spChg>
        <pc:spChg chg="mod">
          <ac:chgData name="Arteaga, Marta" userId="7252dfda-6e35-4827-8f3d-812ceb49d8da" providerId="ADAL" clId="{1F0DE0C9-4FC0-C845-BFA7-24CC39DA5F4A}" dt="2023-10-09T14:11:54.214" v="5785" actId="1076"/>
          <ac:spMkLst>
            <pc:docMk/>
            <pc:sldMk cId="115265151" sldId="2147483632"/>
            <ac:spMk id="13" creationId="{5B18FED2-A62E-E155-A71A-1E6D87301E2A}"/>
          </ac:spMkLst>
        </pc:spChg>
        <pc:spChg chg="del">
          <ac:chgData name="Arteaga, Marta" userId="7252dfda-6e35-4827-8f3d-812ceb49d8da" providerId="ADAL" clId="{1F0DE0C9-4FC0-C845-BFA7-24CC39DA5F4A}" dt="2023-10-09T14:12:24.993" v="5786" actId="478"/>
          <ac:spMkLst>
            <pc:docMk/>
            <pc:sldMk cId="115265151" sldId="2147483632"/>
            <ac:spMk id="14" creationId="{FE83ACDC-55CB-AAE4-450E-C6FCAE852F67}"/>
          </ac:spMkLst>
        </pc:spChg>
        <pc:spChg chg="mod">
          <ac:chgData name="Arteaga, Marta" userId="7252dfda-6e35-4827-8f3d-812ceb49d8da" providerId="ADAL" clId="{1F0DE0C9-4FC0-C845-BFA7-24CC39DA5F4A}" dt="2023-10-09T12:17:07.288" v="5330" actId="20577"/>
          <ac:spMkLst>
            <pc:docMk/>
            <pc:sldMk cId="115265151" sldId="2147483632"/>
            <ac:spMk id="16" creationId="{2E765815-522F-1B53-8129-A396B3858679}"/>
          </ac:spMkLst>
        </pc:spChg>
        <pc:spChg chg="del">
          <ac:chgData name="Arteaga, Marta" userId="7252dfda-6e35-4827-8f3d-812ceb49d8da" providerId="ADAL" clId="{1F0DE0C9-4FC0-C845-BFA7-24CC39DA5F4A}" dt="2023-10-09T14:12:24.993" v="5786" actId="478"/>
          <ac:spMkLst>
            <pc:docMk/>
            <pc:sldMk cId="115265151" sldId="2147483632"/>
            <ac:spMk id="17" creationId="{0401E664-3656-6B2D-318A-962B08302CC8}"/>
          </ac:spMkLst>
        </pc:spChg>
        <pc:spChg chg="add mod">
          <ac:chgData name="Arteaga, Marta" userId="7252dfda-6e35-4827-8f3d-812ceb49d8da" providerId="ADAL" clId="{1F0DE0C9-4FC0-C845-BFA7-24CC39DA5F4A}" dt="2023-10-10T08:13:38.517" v="6309" actId="14100"/>
          <ac:spMkLst>
            <pc:docMk/>
            <pc:sldMk cId="115265151" sldId="2147483632"/>
            <ac:spMk id="20" creationId="{756E8FF4-7E99-7A04-790A-985AF3D5740C}"/>
          </ac:spMkLst>
        </pc:spChg>
        <pc:picChg chg="mod">
          <ac:chgData name="Arteaga, Marta" userId="7252dfda-6e35-4827-8f3d-812ceb49d8da" providerId="ADAL" clId="{1F0DE0C9-4FC0-C845-BFA7-24CC39DA5F4A}" dt="2023-10-09T12:21:34.077" v="5347" actId="1037"/>
          <ac:picMkLst>
            <pc:docMk/>
            <pc:sldMk cId="115265151" sldId="2147483632"/>
            <ac:picMk id="4" creationId="{BB7EFFE9-C687-294C-35A7-6711D7652C3E}"/>
          </ac:picMkLst>
        </pc:picChg>
        <pc:picChg chg="del">
          <ac:chgData name="Arteaga, Marta" userId="7252dfda-6e35-4827-8f3d-812ceb49d8da" providerId="ADAL" clId="{1F0DE0C9-4FC0-C845-BFA7-24CC39DA5F4A}" dt="2023-10-09T14:11:17.896" v="5766" actId="478"/>
          <ac:picMkLst>
            <pc:docMk/>
            <pc:sldMk cId="115265151" sldId="2147483632"/>
            <ac:picMk id="15" creationId="{778CE144-E9F9-A2B8-4F41-076B3C5C27B8}"/>
          </ac:picMkLst>
        </pc:picChg>
        <pc:cxnChg chg="add del">
          <ac:chgData name="Arteaga, Marta" userId="7252dfda-6e35-4827-8f3d-812ceb49d8da" providerId="ADAL" clId="{1F0DE0C9-4FC0-C845-BFA7-24CC39DA5F4A}" dt="2023-10-09T14:11:18.792" v="5767" actId="478"/>
          <ac:cxnSpMkLst>
            <pc:docMk/>
            <pc:sldMk cId="115265151" sldId="2147483632"/>
            <ac:cxnSpMk id="19" creationId="{D210BA9B-4D9C-9B3E-4C33-3C86F820AC2F}"/>
          </ac:cxnSpMkLst>
        </pc:cxnChg>
      </pc:sldChg>
      <pc:sldChg chg="modSp del mod">
        <pc:chgData name="Arteaga, Marta" userId="7252dfda-6e35-4827-8f3d-812ceb49d8da" providerId="ADAL" clId="{1F0DE0C9-4FC0-C845-BFA7-24CC39DA5F4A}" dt="2023-10-09T14:16:00.928" v="5881" actId="2696"/>
        <pc:sldMkLst>
          <pc:docMk/>
          <pc:sldMk cId="2188456208" sldId="2147483633"/>
        </pc:sldMkLst>
        <pc:spChg chg="mod">
          <ac:chgData name="Arteaga, Marta" userId="7252dfda-6e35-4827-8f3d-812ceb49d8da" providerId="ADAL" clId="{1F0DE0C9-4FC0-C845-BFA7-24CC39DA5F4A}" dt="2023-10-09T12:20:35.877" v="5338" actId="108"/>
          <ac:spMkLst>
            <pc:docMk/>
            <pc:sldMk cId="2188456208" sldId="2147483633"/>
            <ac:spMk id="9" creationId="{91257047-FDC7-6867-93E3-722B6A6862B0}"/>
          </ac:spMkLst>
        </pc:spChg>
      </pc:sldChg>
      <pc:sldChg chg="addSp delSp modSp add del mod">
        <pc:chgData name="Arteaga, Marta" userId="7252dfda-6e35-4827-8f3d-812ceb49d8da" providerId="ADAL" clId="{1F0DE0C9-4FC0-C845-BFA7-24CC39DA5F4A}" dt="2023-10-09T14:03:30.036" v="5540" actId="2696"/>
        <pc:sldMkLst>
          <pc:docMk/>
          <pc:sldMk cId="3584876715" sldId="2147483634"/>
        </pc:sldMkLst>
        <pc:spChg chg="del">
          <ac:chgData name="Arteaga, Marta" userId="7252dfda-6e35-4827-8f3d-812ceb49d8da" providerId="ADAL" clId="{1F0DE0C9-4FC0-C845-BFA7-24CC39DA5F4A}" dt="2023-10-09T13:44:37.346" v="5453" actId="478"/>
          <ac:spMkLst>
            <pc:docMk/>
            <pc:sldMk cId="3584876715" sldId="2147483634"/>
            <ac:spMk id="7" creationId="{892B0B96-EECD-5DC4-D6F4-FBFF5A6D94F1}"/>
          </ac:spMkLst>
        </pc:spChg>
        <pc:spChg chg="del">
          <ac:chgData name="Arteaga, Marta" userId="7252dfda-6e35-4827-8f3d-812ceb49d8da" providerId="ADAL" clId="{1F0DE0C9-4FC0-C845-BFA7-24CC39DA5F4A}" dt="2023-10-09T13:44:35.573" v="5452" actId="478"/>
          <ac:spMkLst>
            <pc:docMk/>
            <pc:sldMk cId="3584876715" sldId="2147483634"/>
            <ac:spMk id="8" creationId="{8C8066A6-7738-0603-A385-3DC6C2BB0B59}"/>
          </ac:spMkLst>
        </pc:spChg>
        <pc:spChg chg="add mod">
          <ac:chgData name="Arteaga, Marta" userId="7252dfda-6e35-4827-8f3d-812ceb49d8da" providerId="ADAL" clId="{1F0DE0C9-4FC0-C845-BFA7-24CC39DA5F4A}" dt="2023-10-09T13:44:50.335" v="5454"/>
          <ac:spMkLst>
            <pc:docMk/>
            <pc:sldMk cId="3584876715" sldId="2147483634"/>
            <ac:spMk id="11" creationId="{80160E08-7429-F161-4F39-870450E3189D}"/>
          </ac:spMkLst>
        </pc:spChg>
        <pc:spChg chg="add mod">
          <ac:chgData name="Arteaga, Marta" userId="7252dfda-6e35-4827-8f3d-812ceb49d8da" providerId="ADAL" clId="{1F0DE0C9-4FC0-C845-BFA7-24CC39DA5F4A}" dt="2023-10-09T13:46:15.223" v="5470" actId="20577"/>
          <ac:spMkLst>
            <pc:docMk/>
            <pc:sldMk cId="3584876715" sldId="2147483634"/>
            <ac:spMk id="12" creationId="{F2EBC155-693E-33F8-2F4D-F2FB29AE3E12}"/>
          </ac:spMkLst>
        </pc:spChg>
        <pc:spChg chg="add mod">
          <ac:chgData name="Arteaga, Marta" userId="7252dfda-6e35-4827-8f3d-812ceb49d8da" providerId="ADAL" clId="{1F0DE0C9-4FC0-C845-BFA7-24CC39DA5F4A}" dt="2023-10-09T13:47:04.321" v="5477" actId="1076"/>
          <ac:spMkLst>
            <pc:docMk/>
            <pc:sldMk cId="3584876715" sldId="2147483634"/>
            <ac:spMk id="13" creationId="{2A7B0E5B-4B6C-4439-608E-EA7BF5A81D30}"/>
          </ac:spMkLst>
        </pc:spChg>
        <pc:spChg chg="del mod">
          <ac:chgData name="Arteaga, Marta" userId="7252dfda-6e35-4827-8f3d-812ceb49d8da" providerId="ADAL" clId="{1F0DE0C9-4FC0-C845-BFA7-24CC39DA5F4A}" dt="2023-10-09T13:43:44.565" v="5443" actId="478"/>
          <ac:spMkLst>
            <pc:docMk/>
            <pc:sldMk cId="3584876715" sldId="2147483634"/>
            <ac:spMk id="22" creationId="{DFA19888-1F3B-02FD-7BD2-2658AD06A6A2}"/>
          </ac:spMkLst>
        </pc:spChg>
        <pc:picChg chg="add del mod">
          <ac:chgData name="Arteaga, Marta" userId="7252dfda-6e35-4827-8f3d-812ceb49d8da" providerId="ADAL" clId="{1F0DE0C9-4FC0-C845-BFA7-24CC39DA5F4A}" dt="2023-10-09T13:33:45.344" v="5383" actId="478"/>
          <ac:picMkLst>
            <pc:docMk/>
            <pc:sldMk cId="3584876715" sldId="2147483634"/>
            <ac:picMk id="2" creationId="{60DA4313-BAFF-EF11-5E2C-0D6B167682A9}"/>
          </ac:picMkLst>
        </pc:picChg>
        <pc:picChg chg="add del mod">
          <ac:chgData name="Arteaga, Marta" userId="7252dfda-6e35-4827-8f3d-812ceb49d8da" providerId="ADAL" clId="{1F0DE0C9-4FC0-C845-BFA7-24CC39DA5F4A}" dt="2023-10-09T13:36:16.096" v="5390" actId="478"/>
          <ac:picMkLst>
            <pc:docMk/>
            <pc:sldMk cId="3584876715" sldId="2147483634"/>
            <ac:picMk id="3" creationId="{78819A38-4039-29A2-0E66-555DC51A4B9C}"/>
          </ac:picMkLst>
        </pc:picChg>
        <pc:picChg chg="add del mod">
          <ac:chgData name="Arteaga, Marta" userId="7252dfda-6e35-4827-8f3d-812ceb49d8da" providerId="ADAL" clId="{1F0DE0C9-4FC0-C845-BFA7-24CC39DA5F4A}" dt="2023-10-09T13:36:12.714" v="5388" actId="478"/>
          <ac:picMkLst>
            <pc:docMk/>
            <pc:sldMk cId="3584876715" sldId="2147483634"/>
            <ac:picMk id="4" creationId="{77A48016-AE64-8FCD-0D4C-446FCE53A300}"/>
          </ac:picMkLst>
        </pc:picChg>
        <pc:picChg chg="add del mod">
          <ac:chgData name="Arteaga, Marta" userId="7252dfda-6e35-4827-8f3d-812ceb49d8da" providerId="ADAL" clId="{1F0DE0C9-4FC0-C845-BFA7-24CC39DA5F4A}" dt="2023-10-09T13:36:14.789" v="5389" actId="478"/>
          <ac:picMkLst>
            <pc:docMk/>
            <pc:sldMk cId="3584876715" sldId="2147483634"/>
            <ac:picMk id="5" creationId="{75D7D719-A582-4376-AC6A-1DC64F0BB7E1}"/>
          </ac:picMkLst>
        </pc:picChg>
        <pc:picChg chg="add mod">
          <ac:chgData name="Arteaga, Marta" userId="7252dfda-6e35-4827-8f3d-812ceb49d8da" providerId="ADAL" clId="{1F0DE0C9-4FC0-C845-BFA7-24CC39DA5F4A}" dt="2023-10-09T13:44:10.641" v="5447" actId="1076"/>
          <ac:picMkLst>
            <pc:docMk/>
            <pc:sldMk cId="3584876715" sldId="2147483634"/>
            <ac:picMk id="6" creationId="{218D14FA-E8E8-854E-B575-0FCC6839E351}"/>
          </ac:picMkLst>
        </pc:picChg>
        <pc:picChg chg="add mod">
          <ac:chgData name="Arteaga, Marta" userId="7252dfda-6e35-4827-8f3d-812ceb49d8da" providerId="ADAL" clId="{1F0DE0C9-4FC0-C845-BFA7-24CC39DA5F4A}" dt="2023-10-09T13:44:54.726" v="5455" actId="1076"/>
          <ac:picMkLst>
            <pc:docMk/>
            <pc:sldMk cId="3584876715" sldId="2147483634"/>
            <ac:picMk id="9" creationId="{56AABD03-C5BC-0266-69F6-29009F78F4F9}"/>
          </ac:picMkLst>
        </pc:picChg>
        <pc:picChg chg="add mod">
          <ac:chgData name="Arteaga, Marta" userId="7252dfda-6e35-4827-8f3d-812ceb49d8da" providerId="ADAL" clId="{1F0DE0C9-4FC0-C845-BFA7-24CC39DA5F4A}" dt="2023-10-09T13:46:43.907" v="5473" actId="1076"/>
          <ac:picMkLst>
            <pc:docMk/>
            <pc:sldMk cId="3584876715" sldId="2147483634"/>
            <ac:picMk id="10" creationId="{D42E1ED9-C42C-C61E-694E-C46BBA9E9F09}"/>
          </ac:picMkLst>
        </pc:picChg>
      </pc:sldChg>
      <pc:sldChg chg="mod modShow modNotesTx">
        <pc:chgData name="Arteaga, Marta" userId="7252dfda-6e35-4827-8f3d-812ceb49d8da" providerId="ADAL" clId="{1F0DE0C9-4FC0-C845-BFA7-24CC39DA5F4A}" dt="2023-10-09T14:26:20.817" v="6061" actId="729"/>
        <pc:sldMkLst>
          <pc:docMk/>
          <pc:sldMk cId="395387337" sldId="2147483635"/>
        </pc:sldMkLst>
      </pc:sldChg>
      <pc:sldChg chg="addSp delSp modSp add mod ord">
        <pc:chgData name="Arteaga, Marta" userId="7252dfda-6e35-4827-8f3d-812ceb49d8da" providerId="ADAL" clId="{1F0DE0C9-4FC0-C845-BFA7-24CC39DA5F4A}" dt="2023-10-09T14:06:52.393" v="5548" actId="20577"/>
        <pc:sldMkLst>
          <pc:docMk/>
          <pc:sldMk cId="1973682860" sldId="2147483636"/>
        </pc:sldMkLst>
        <pc:spChg chg="del">
          <ac:chgData name="Arteaga, Marta" userId="7252dfda-6e35-4827-8f3d-812ceb49d8da" providerId="ADAL" clId="{1F0DE0C9-4FC0-C845-BFA7-24CC39DA5F4A}" dt="2023-10-09T13:47:16.111" v="5479" actId="478"/>
          <ac:spMkLst>
            <pc:docMk/>
            <pc:sldMk cId="1973682860" sldId="2147483636"/>
            <ac:spMk id="3" creationId="{13CA87B9-7C51-B378-1296-CBEC7AE8E61B}"/>
          </ac:spMkLst>
        </pc:spChg>
        <pc:spChg chg="del">
          <ac:chgData name="Arteaga, Marta" userId="7252dfda-6e35-4827-8f3d-812ceb49d8da" providerId="ADAL" clId="{1F0DE0C9-4FC0-C845-BFA7-24CC39DA5F4A}" dt="2023-10-09T13:47:16.111" v="5479" actId="478"/>
          <ac:spMkLst>
            <pc:docMk/>
            <pc:sldMk cId="1973682860" sldId="2147483636"/>
            <ac:spMk id="4" creationId="{FDC8285E-11EA-81EE-556B-6994FA958C22}"/>
          </ac:spMkLst>
        </pc:spChg>
        <pc:spChg chg="del">
          <ac:chgData name="Arteaga, Marta" userId="7252dfda-6e35-4827-8f3d-812ceb49d8da" providerId="ADAL" clId="{1F0DE0C9-4FC0-C845-BFA7-24CC39DA5F4A}" dt="2023-10-09T13:47:16.111" v="5479" actId="478"/>
          <ac:spMkLst>
            <pc:docMk/>
            <pc:sldMk cId="1973682860" sldId="2147483636"/>
            <ac:spMk id="5" creationId="{FE3D0BB4-D4AA-56D2-2C3B-92DAA59CB05F}"/>
          </ac:spMkLst>
        </pc:spChg>
        <pc:spChg chg="mod">
          <ac:chgData name="Arteaga, Marta" userId="7252dfda-6e35-4827-8f3d-812ceb49d8da" providerId="ADAL" clId="{1F0DE0C9-4FC0-C845-BFA7-24CC39DA5F4A}" dt="2023-10-09T14:02:57.136" v="5538" actId="20577"/>
          <ac:spMkLst>
            <pc:docMk/>
            <pc:sldMk cId="1973682860" sldId="2147483636"/>
            <ac:spMk id="6" creationId="{00000000-0000-0000-0000-000000000000}"/>
          </ac:spMkLst>
        </pc:spChg>
        <pc:spChg chg="del">
          <ac:chgData name="Arteaga, Marta" userId="7252dfda-6e35-4827-8f3d-812ceb49d8da" providerId="ADAL" clId="{1F0DE0C9-4FC0-C845-BFA7-24CC39DA5F4A}" dt="2023-10-09T13:47:16.111" v="5479" actId="478"/>
          <ac:spMkLst>
            <pc:docMk/>
            <pc:sldMk cId="1973682860" sldId="2147483636"/>
            <ac:spMk id="8" creationId="{B4E9D9CD-7865-0A78-2183-CB39951ECC97}"/>
          </ac:spMkLst>
        </pc:spChg>
        <pc:spChg chg="del">
          <ac:chgData name="Arteaga, Marta" userId="7252dfda-6e35-4827-8f3d-812ceb49d8da" providerId="ADAL" clId="{1F0DE0C9-4FC0-C845-BFA7-24CC39DA5F4A}" dt="2023-10-09T13:47:19.032" v="5480" actId="478"/>
          <ac:spMkLst>
            <pc:docMk/>
            <pc:sldMk cId="1973682860" sldId="2147483636"/>
            <ac:spMk id="9" creationId="{B4021350-B9BF-4CAA-AF47-BD7BFD28870A}"/>
          </ac:spMkLst>
        </pc:spChg>
        <pc:spChg chg="add mod">
          <ac:chgData name="Arteaga, Marta" userId="7252dfda-6e35-4827-8f3d-812ceb49d8da" providerId="ADAL" clId="{1F0DE0C9-4FC0-C845-BFA7-24CC39DA5F4A}" dt="2023-10-09T14:03:14.320" v="5539" actId="404"/>
          <ac:spMkLst>
            <pc:docMk/>
            <pc:sldMk cId="1973682860" sldId="2147483636"/>
            <ac:spMk id="12" creationId="{F6693FB4-DFB1-D031-3F18-D86EC8FE8927}"/>
          </ac:spMkLst>
        </pc:spChg>
        <pc:spChg chg="add mod">
          <ac:chgData name="Arteaga, Marta" userId="7252dfda-6e35-4827-8f3d-812ceb49d8da" providerId="ADAL" clId="{1F0DE0C9-4FC0-C845-BFA7-24CC39DA5F4A}" dt="2023-10-09T14:06:52.393" v="5548" actId="20577"/>
          <ac:spMkLst>
            <pc:docMk/>
            <pc:sldMk cId="1973682860" sldId="2147483636"/>
            <ac:spMk id="14" creationId="{CF95A4FB-2B10-5792-DB75-81A1D9516172}"/>
          </ac:spMkLst>
        </pc:spChg>
        <pc:spChg chg="add del mod">
          <ac:chgData name="Arteaga, Marta" userId="7252dfda-6e35-4827-8f3d-812ceb49d8da" providerId="ADAL" clId="{1F0DE0C9-4FC0-C845-BFA7-24CC39DA5F4A}" dt="2023-10-09T14:03:48.498" v="5546"/>
          <ac:spMkLst>
            <pc:docMk/>
            <pc:sldMk cId="1973682860" sldId="2147483636"/>
            <ac:spMk id="15" creationId="{589C8004-8D46-F117-535F-7C17F31530FB}"/>
          </ac:spMkLst>
        </pc:spChg>
        <pc:picChg chg="del">
          <ac:chgData name="Arteaga, Marta" userId="7252dfda-6e35-4827-8f3d-812ceb49d8da" providerId="ADAL" clId="{1F0DE0C9-4FC0-C845-BFA7-24CC39DA5F4A}" dt="2023-10-09T13:47:16.111" v="5479" actId="478"/>
          <ac:picMkLst>
            <pc:docMk/>
            <pc:sldMk cId="1973682860" sldId="2147483636"/>
            <ac:picMk id="2" creationId="{46221EB8-A8A3-2DB3-782C-FD7A9C498621}"/>
          </ac:picMkLst>
        </pc:picChg>
        <pc:picChg chg="add mod">
          <ac:chgData name="Arteaga, Marta" userId="7252dfda-6e35-4827-8f3d-812ceb49d8da" providerId="ADAL" clId="{1F0DE0C9-4FC0-C845-BFA7-24CC39DA5F4A}" dt="2023-10-09T13:47:58.904" v="5486" actId="1076"/>
          <ac:picMkLst>
            <pc:docMk/>
            <pc:sldMk cId="1973682860" sldId="2147483636"/>
            <ac:picMk id="7" creationId="{BFFDE0A9-54AD-0518-FC58-8AC572FF0634}"/>
          </ac:picMkLst>
        </pc:picChg>
        <pc:picChg chg="del">
          <ac:chgData name="Arteaga, Marta" userId="7252dfda-6e35-4827-8f3d-812ceb49d8da" providerId="ADAL" clId="{1F0DE0C9-4FC0-C845-BFA7-24CC39DA5F4A}" dt="2023-10-09T13:47:16.111" v="5479" actId="478"/>
          <ac:picMkLst>
            <pc:docMk/>
            <pc:sldMk cId="1973682860" sldId="2147483636"/>
            <ac:picMk id="10" creationId="{3744C784-775D-9E9A-E15F-6C4ACD1E62C3}"/>
          </ac:picMkLst>
        </pc:picChg>
        <pc:picChg chg="add del mod">
          <ac:chgData name="Arteaga, Marta" userId="7252dfda-6e35-4827-8f3d-812ceb49d8da" providerId="ADAL" clId="{1F0DE0C9-4FC0-C845-BFA7-24CC39DA5F4A}" dt="2023-10-09T13:47:54.609" v="5485" actId="478"/>
          <ac:picMkLst>
            <pc:docMk/>
            <pc:sldMk cId="1973682860" sldId="2147483636"/>
            <ac:picMk id="11" creationId="{13A25022-BFCE-620B-5077-D0327A0DD2B9}"/>
          </ac:picMkLst>
        </pc:picChg>
        <pc:picChg chg="del">
          <ac:chgData name="Arteaga, Marta" userId="7252dfda-6e35-4827-8f3d-812ceb49d8da" providerId="ADAL" clId="{1F0DE0C9-4FC0-C845-BFA7-24CC39DA5F4A}" dt="2023-10-09T13:47:16.111" v="5479" actId="478"/>
          <ac:picMkLst>
            <pc:docMk/>
            <pc:sldMk cId="1973682860" sldId="2147483636"/>
            <ac:picMk id="13" creationId="{E01643D7-5A69-7E40-2BBA-1CE8DB34E446}"/>
          </ac:picMkLst>
        </pc:picChg>
      </pc:sldChg>
      <pc:sldMasterChg chg="addSldLayout modSldLayout">
        <pc:chgData name="Arteaga, Marta" userId="7252dfda-6e35-4827-8f3d-812ceb49d8da" providerId="ADAL" clId="{1F0DE0C9-4FC0-C845-BFA7-24CC39DA5F4A}" dt="2023-10-09T09:09:31.889" v="4841" actId="478"/>
        <pc:sldMasterMkLst>
          <pc:docMk/>
          <pc:sldMasterMk cId="3408294523" sldId="2147483733"/>
        </pc:sldMasterMkLst>
        <pc:sldLayoutChg chg="addSp delSp modSp add mod">
          <pc:chgData name="Arteaga, Marta" userId="7252dfda-6e35-4827-8f3d-812ceb49d8da" providerId="ADAL" clId="{1F0DE0C9-4FC0-C845-BFA7-24CC39DA5F4A}" dt="2023-10-09T09:09:31.889" v="4841" actId="478"/>
          <pc:sldLayoutMkLst>
            <pc:docMk/>
            <pc:sldMasterMk cId="3408294523" sldId="2147483733"/>
            <pc:sldLayoutMk cId="661885687" sldId="2147483781"/>
          </pc:sldLayoutMkLst>
          <pc:picChg chg="add mod">
            <ac:chgData name="Arteaga, Marta" userId="7252dfda-6e35-4827-8f3d-812ceb49d8da" providerId="ADAL" clId="{1F0DE0C9-4FC0-C845-BFA7-24CC39DA5F4A}" dt="2023-10-09T09:09:30.198" v="4840"/>
            <ac:picMkLst>
              <pc:docMk/>
              <pc:sldMasterMk cId="3408294523" sldId="2147483733"/>
              <pc:sldLayoutMk cId="661885687" sldId="2147483781"/>
              <ac:picMk id="2" creationId="{FA070BE3-ABE5-9558-8837-A6E2D6ED9CC0}"/>
            </ac:picMkLst>
          </pc:picChg>
          <pc:picChg chg="del mod">
            <ac:chgData name="Arteaga, Marta" userId="7252dfda-6e35-4827-8f3d-812ceb49d8da" providerId="ADAL" clId="{1F0DE0C9-4FC0-C845-BFA7-24CC39DA5F4A}" dt="2023-10-09T09:09:31.889" v="4841" actId="478"/>
            <ac:picMkLst>
              <pc:docMk/>
              <pc:sldMasterMk cId="3408294523" sldId="2147483733"/>
              <pc:sldLayoutMk cId="661885687" sldId="2147483781"/>
              <ac:picMk id="5" creationId="{6462D3DC-253A-8F06-099B-96EEB7D6B074}"/>
            </ac:picMkLst>
          </pc:picChg>
        </pc:sldLayoutChg>
        <pc:sldLayoutChg chg="add">
          <pc:chgData name="Arteaga, Marta" userId="7252dfda-6e35-4827-8f3d-812ceb49d8da" providerId="ADAL" clId="{1F0DE0C9-4FC0-C845-BFA7-24CC39DA5F4A}" dt="2023-10-03T09:21:05.146" v="457"/>
          <pc:sldLayoutMkLst>
            <pc:docMk/>
            <pc:sldMasterMk cId="3408294523" sldId="2147483733"/>
            <pc:sldLayoutMk cId="3928666781" sldId="2147483782"/>
          </pc:sldLayoutMkLst>
        </pc:sldLayoutChg>
        <pc:sldLayoutChg chg="add">
          <pc:chgData name="Arteaga, Marta" userId="7252dfda-6e35-4827-8f3d-812ceb49d8da" providerId="ADAL" clId="{1F0DE0C9-4FC0-C845-BFA7-24CC39DA5F4A}" dt="2023-10-03T09:33:16.098" v="662"/>
          <pc:sldLayoutMkLst>
            <pc:docMk/>
            <pc:sldMasterMk cId="3408294523" sldId="2147483733"/>
            <pc:sldLayoutMk cId="1131019863" sldId="2147483783"/>
          </pc:sldLayoutMkLst>
        </pc:sldLayoutChg>
        <pc:sldLayoutChg chg="add">
          <pc:chgData name="Arteaga, Marta" userId="7252dfda-6e35-4827-8f3d-812ceb49d8da" providerId="ADAL" clId="{1F0DE0C9-4FC0-C845-BFA7-24CC39DA5F4A}" dt="2023-10-03T15:28:42.571" v="2997"/>
          <pc:sldLayoutMkLst>
            <pc:docMk/>
            <pc:sldMasterMk cId="3408294523" sldId="2147483733"/>
            <pc:sldLayoutMk cId="1329312608" sldId="2147483784"/>
          </pc:sldLayoutMkLst>
        </pc:sldLayoutChg>
        <pc:sldLayoutChg chg="add">
          <pc:chgData name="Arteaga, Marta" userId="7252dfda-6e35-4827-8f3d-812ceb49d8da" providerId="ADAL" clId="{1F0DE0C9-4FC0-C845-BFA7-24CC39DA5F4A}" dt="2023-10-03T15:32:22.245" v="3117"/>
          <pc:sldLayoutMkLst>
            <pc:docMk/>
            <pc:sldMasterMk cId="3408294523" sldId="2147483733"/>
            <pc:sldLayoutMk cId="392821597" sldId="2147483785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523A4F9-4885-4079-87F6-5660C921FAF4}" type="slidenum">
              <a:rPr lang="en-US" smtClean="0"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336692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4745780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bin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7.bin"/><Relationship Id="rId5" Type="http://schemas.openxmlformats.org/officeDocument/2006/relationships/image" Target="../media/image16.bin"/><Relationship Id="rId4" Type="http://schemas.openxmlformats.org/officeDocument/2006/relationships/image" Target="../media/image15.png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bin"/><Relationship Id="rId2" Type="http://schemas.openxmlformats.org/officeDocument/2006/relationships/image" Target="../media/image1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7.bin"/><Relationship Id="rId5" Type="http://schemas.openxmlformats.org/officeDocument/2006/relationships/image" Target="../media/image21.bin"/><Relationship Id="rId4" Type="http://schemas.openxmlformats.org/officeDocument/2006/relationships/image" Target="../media/image20.png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bin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7.bin"/><Relationship Id="rId5" Type="http://schemas.openxmlformats.org/officeDocument/2006/relationships/image" Target="../media/image25.bin"/><Relationship Id="rId4" Type="http://schemas.openxmlformats.org/officeDocument/2006/relationships/image" Target="../media/image24.png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bin"/><Relationship Id="rId2" Type="http://schemas.openxmlformats.org/officeDocument/2006/relationships/image" Target="../media/image2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7.bin"/><Relationship Id="rId5" Type="http://schemas.openxmlformats.org/officeDocument/2006/relationships/image" Target="../media/image29.bin"/><Relationship Id="rId4" Type="http://schemas.openxmlformats.org/officeDocument/2006/relationships/image" Target="../media/image28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36425210" name="SAP Logo Placeholder" descr="{&quot;templafy&quot;:{&quot;id&quot;:&quot;95c5d1ae-5d3b-4707-bcf7-0ce29d7358a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1" i="0" dirty="0">
                <a:latin typeface="Arial" panose="020B0604020202020204" pitchFamily="34" charset="0"/>
                <a:ea typeface="+mn-ea"/>
                <a:cs typeface="72" panose="020B0503030000000003" pitchFamily="34" charset="0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10" name="TextBox 9" descr="{&quot;templafy&quot;:{&quot;id&quot;:&quot;584aa5fe-2cb9-472a-8c5e-9aba08263604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1165759099" name="Acquired Company Logo Placeholder" descr="{&quot;templafy&quot;:{&quot;id&quot;:&quot;ae0aa21f-4fc4-4dbf-9ef1-d8ed11918a45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out anvil">
    <p:bg>
      <p:bgPr>
        <a:solidFill>
          <a:srgbClr val="DAF2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 2" descr="preencoded.png">
            <a:extLst>
              <a:ext uri="{FF2B5EF4-FFF2-40B4-BE49-F238E27FC236}">
                <a16:creationId xmlns:a16="http://schemas.microsoft.com/office/drawing/2014/main" id="{26A9AB58-5C92-F95E-0D83-14F832C10E7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289865" y="1275473"/>
            <a:ext cx="8851917" cy="4363327"/>
          </a:xfrm>
          <a:prstGeom prst="rect">
            <a:avLst/>
          </a:prstGeom>
        </p:spPr>
      </p:pic>
      <p:pic>
        <p:nvPicPr>
          <p:cNvPr id="621064329" name="SAP Logo Placeholder" descr="{&quot;templafy&quot;:{&quot;id&quot;:&quot;49d88b83-8a75-4803-832c-c52ce88a13e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712410" name="Acquired Company Logo Placeholder" descr="{&quot;templafy&quot;:{&quot;id&quot;:&quot;daf73c1c-9e80-4146-8724-3ce9d820bd6b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e7daaa7c-bb38-4432-a906-d867c26a053a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94361642" name="Acquired Company Logo Placeholder" descr="{&quot;templafy&quot;:{&quot;id&quot;:&quot;55f92215-fb03-4748-b11b-209a4afad059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Arial" panose="020B0604020202020204" pitchFamily="34" charset="0"/>
              </a:rPr>
              <a:t>Contact information:</a:t>
            </a:r>
          </a:p>
        </p:txBody>
      </p:sp>
      <p:sp>
        <p:nvSpPr>
          <p:cNvPr id="9" name="Copyright Placeholder" descr="{&quot;templafy&quot;:{&quot;id&quot;:&quot;7cdf9e23-7dba-4743-9b72-f363ed1f0952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pic>
        <p:nvPicPr>
          <p:cNvPr id="1894165870" name="SAP Logo Placeholder" descr="{&quot;templafy&quot;:{&quot;id&quot;:&quot;88b65235-d90b-4555-8240-22b9b9a0a54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09760" y="5797296"/>
            <a:ext cx="2212852" cy="536449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466850"/>
            <a:ext cx="5413477" cy="846386"/>
          </a:xfrm>
        </p:spPr>
        <p:txBody>
          <a:bodyPr/>
          <a:lstStyle>
            <a:lvl1pPr>
              <a:defRPr sz="5500"/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ackground blue 10, blue 8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 0" descr="preencoded.png">
            <a:extLst>
              <a:ext uri="{FF2B5EF4-FFF2-40B4-BE49-F238E27FC236}">
                <a16:creationId xmlns:a16="http://schemas.microsoft.com/office/drawing/2014/main" id="{751C266A-0AFD-3CDC-D08E-CB1AD5504E0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80" y="0"/>
            <a:ext cx="12194017" cy="6858000"/>
          </a:xfrm>
          <a:prstGeom prst="rect">
            <a:avLst/>
          </a:prstGeom>
        </p:spPr>
      </p:pic>
      <p:pic>
        <p:nvPicPr>
          <p:cNvPr id="4" name="Image 1" descr="preencoded.png">
            <a:extLst>
              <a:ext uri="{FF2B5EF4-FFF2-40B4-BE49-F238E27FC236}">
                <a16:creationId xmlns:a16="http://schemas.microsoft.com/office/drawing/2014/main" id="{46D9D0CC-9B3B-1D2F-9631-49CCA4207CA2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580" y="0"/>
            <a:ext cx="10913647" cy="6858000"/>
          </a:xfrm>
          <a:prstGeom prst="rect">
            <a:avLst/>
          </a:prstGeom>
        </p:spPr>
      </p:pic>
      <p:pic>
        <p:nvPicPr>
          <p:cNvPr id="2" name="Image 3" descr="preencoded.png">
            <a:extLst>
              <a:ext uri="{FF2B5EF4-FFF2-40B4-BE49-F238E27FC236}">
                <a16:creationId xmlns:a16="http://schemas.microsoft.com/office/drawing/2014/main" id="{FA070BE3-ABE5-9558-8837-A6E2D6ED9CC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rcRect/>
          <a:stretch/>
        </p:blipFill>
        <p:spPr>
          <a:xfrm>
            <a:off x="508663" y="5794670"/>
            <a:ext cx="1239725" cy="6095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188568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ackground green 6, green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 0" descr="preencoded.png">
            <a:extLst>
              <a:ext uri="{FF2B5EF4-FFF2-40B4-BE49-F238E27FC236}">
                <a16:creationId xmlns:a16="http://schemas.microsoft.com/office/drawing/2014/main" id="{5662BAFA-1755-D596-D4AF-96151DE3E5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80" y="0"/>
            <a:ext cx="12194017" cy="6858000"/>
          </a:xfrm>
          <a:prstGeom prst="rect">
            <a:avLst/>
          </a:prstGeom>
        </p:spPr>
      </p:pic>
      <p:pic>
        <p:nvPicPr>
          <p:cNvPr id="4" name="Image 1" descr="preencoded.png">
            <a:extLst>
              <a:ext uri="{FF2B5EF4-FFF2-40B4-BE49-F238E27FC236}">
                <a16:creationId xmlns:a16="http://schemas.microsoft.com/office/drawing/2014/main" id="{B417A979-647E-6BB7-1493-6341912F0B6F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580" y="0"/>
            <a:ext cx="10913647" cy="6858000"/>
          </a:xfrm>
          <a:prstGeom prst="rect">
            <a:avLst/>
          </a:prstGeom>
        </p:spPr>
      </p:pic>
      <p:pic>
        <p:nvPicPr>
          <p:cNvPr id="5" name="Image 3" descr="preencoded.png">
            <a:extLst>
              <a:ext uri="{FF2B5EF4-FFF2-40B4-BE49-F238E27FC236}">
                <a16:creationId xmlns:a16="http://schemas.microsoft.com/office/drawing/2014/main" id="{6462D3DC-253A-8F06-099B-96EEB7D6B074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rcRect/>
          <a:stretch/>
        </p:blipFill>
        <p:spPr>
          <a:xfrm>
            <a:off x="508663" y="5794670"/>
            <a:ext cx="1239725" cy="6095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866678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ackground pink 10, pink 8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0" descr="preencoded.png">
            <a:extLst>
              <a:ext uri="{FF2B5EF4-FFF2-40B4-BE49-F238E27FC236}">
                <a16:creationId xmlns:a16="http://schemas.microsoft.com/office/drawing/2014/main" id="{8C826CD8-DA32-157E-9900-079A4A17E3E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80" y="0"/>
            <a:ext cx="12194017" cy="6858000"/>
          </a:xfrm>
          <a:prstGeom prst="rect">
            <a:avLst/>
          </a:prstGeom>
        </p:spPr>
      </p:pic>
      <p:pic>
        <p:nvPicPr>
          <p:cNvPr id="6" name="Image 1" descr="preencoded.png">
            <a:extLst>
              <a:ext uri="{FF2B5EF4-FFF2-40B4-BE49-F238E27FC236}">
                <a16:creationId xmlns:a16="http://schemas.microsoft.com/office/drawing/2014/main" id="{3D4E235C-0BBE-C419-7A60-12CD69F30C8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580" y="0"/>
            <a:ext cx="10913647" cy="6858000"/>
          </a:xfrm>
          <a:prstGeom prst="rect">
            <a:avLst/>
          </a:prstGeom>
        </p:spPr>
      </p:pic>
      <p:pic>
        <p:nvPicPr>
          <p:cNvPr id="5" name="Image 3" descr="preencoded.png">
            <a:extLst>
              <a:ext uri="{FF2B5EF4-FFF2-40B4-BE49-F238E27FC236}">
                <a16:creationId xmlns:a16="http://schemas.microsoft.com/office/drawing/2014/main" id="{6462D3DC-253A-8F06-099B-96EEB7D6B074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rcRect/>
          <a:stretch/>
        </p:blipFill>
        <p:spPr>
          <a:xfrm>
            <a:off x="508663" y="5794670"/>
            <a:ext cx="1239725" cy="6095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31019863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ackground green 5, anvil green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0" descr="preencoded.png">
            <a:extLst>
              <a:ext uri="{FF2B5EF4-FFF2-40B4-BE49-F238E27FC236}">
                <a16:creationId xmlns:a16="http://schemas.microsoft.com/office/drawing/2014/main" id="{C450673D-B8B2-8AD8-DAC6-7A6AAB14F62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80" y="0"/>
            <a:ext cx="12194017" cy="6858000"/>
          </a:xfrm>
          <a:prstGeom prst="rect">
            <a:avLst/>
          </a:prstGeom>
        </p:spPr>
      </p:pic>
      <p:pic>
        <p:nvPicPr>
          <p:cNvPr id="6" name="Image 2" descr="preencoded.png">
            <a:extLst>
              <a:ext uri="{FF2B5EF4-FFF2-40B4-BE49-F238E27FC236}">
                <a16:creationId xmlns:a16="http://schemas.microsoft.com/office/drawing/2014/main" id="{8F22D63E-5098-668A-17AE-E828FD1E677C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4766410" y="1671491"/>
            <a:ext cx="6920106" cy="3403277"/>
          </a:xfrm>
          <a:prstGeom prst="rect">
            <a:avLst/>
          </a:prstGeom>
        </p:spPr>
      </p:pic>
      <p:pic>
        <p:nvPicPr>
          <p:cNvPr id="5" name="Image 3" descr="preencoded.png">
            <a:extLst>
              <a:ext uri="{FF2B5EF4-FFF2-40B4-BE49-F238E27FC236}">
                <a16:creationId xmlns:a16="http://schemas.microsoft.com/office/drawing/2014/main" id="{2FF82C60-8861-BCCB-0207-74E044758555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rcRect/>
          <a:stretch/>
        </p:blipFill>
        <p:spPr>
          <a:xfrm>
            <a:off x="508663" y="5794670"/>
            <a:ext cx="1239725" cy="6095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2931260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51008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 2" descr="preencoded.png">
            <a:extLst>
              <a:ext uri="{FF2B5EF4-FFF2-40B4-BE49-F238E27FC236}">
                <a16:creationId xmlns:a16="http://schemas.microsoft.com/office/drawing/2014/main" id="{26A9AB58-5C92-F95E-0D83-14F832C10E7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289865" y="1275473"/>
            <a:ext cx="8851917" cy="4363327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solidFill>
                  <a:schemeClr val="bg1"/>
                </a:solidFill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TextBox 10" descr="{&quot;templafy&quot;:{&quot;id&quot;:&quot;61478eb3-fa92-4af3-9e91-9295dbba4814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2069772150" name="SAP Logo Placeholder" descr="{&quot;templafy&quot;:{&quot;id&quot;:&quot;8647fd8f-7b6c-4db3-a2f2-659318cfec1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pic>
        <p:nvPicPr>
          <p:cNvPr id="1776268597" name="Acquired Company Logo Placeholder" descr="{&quot;templafy&quot;:{&quot;id&quot;:&quot;6c029823-832a-469d-8203-c4dbdbe6e03d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anvil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D5D32D2A-E2F7-EA9D-8CB4-F270F09B15E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56173" y="0"/>
            <a:ext cx="5039001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5" name="Image 1" descr="preencoded.png">
            <a:extLst>
              <a:ext uri="{FF2B5EF4-FFF2-40B4-BE49-F238E27FC236}">
                <a16:creationId xmlns:a16="http://schemas.microsoft.com/office/drawing/2014/main" id="{A0D58351-7331-A48C-A343-895ED628F55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39129" y="1004446"/>
            <a:ext cx="6259235" cy="3073190"/>
          </a:xfrm>
          <a:prstGeom prst="rect">
            <a:avLst/>
          </a:prstGeom>
        </p:spPr>
      </p:pic>
      <p:pic>
        <p:nvPicPr>
          <p:cNvPr id="1687639215" name="SAP Logo Placeholder" descr="{&quot;templafy&quot;:{&quot;id&quot;:&quot;98579100-1486-4745-a787-f9cf077cec2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09253" y="6053328"/>
            <a:ext cx="2212852" cy="536449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5830981" name="Acquired Company Logo Placeholder" descr="{&quot;templafy&quot;:{&quot;id&quot;:&quot;f1b683f5-5a2c-49e6-ae0d-b8c5e1419b3c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531983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aa0dc523-78d9-4d73-97b4-75a6a3102444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1757162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anvil and image">
    <p:bg>
      <p:bgPr>
        <a:solidFill>
          <a:srgbClr val="BDEA8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D5D32D2A-E2F7-EA9D-8CB4-F270F09B15E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56173" y="0"/>
            <a:ext cx="5039001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5" name="Image 1" descr="preencoded.png">
            <a:extLst>
              <a:ext uri="{FF2B5EF4-FFF2-40B4-BE49-F238E27FC236}">
                <a16:creationId xmlns:a16="http://schemas.microsoft.com/office/drawing/2014/main" id="{A0D58351-7331-A48C-A343-895ED628F55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39129" y="1004446"/>
            <a:ext cx="6259235" cy="3073190"/>
          </a:xfrm>
          <a:prstGeom prst="rect">
            <a:avLst/>
          </a:prstGeom>
        </p:spPr>
      </p:pic>
      <p:pic>
        <p:nvPicPr>
          <p:cNvPr id="2026162228" name="SAP Logo Placeholder" descr="{&quot;templafy&quot;:{&quot;id&quot;:&quot;4af8b269-df39-4948-bc4d-6962dac6990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09253" y="6053328"/>
            <a:ext cx="2212852" cy="536449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71434145" name="Acquired Company Logo Placeholder" descr="{&quot;templafy&quot;:{&quot;id&quot;:&quot;b4214c69-c47d-456c-9c86-14bcea3eb96f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531983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1573a714-976a-41a4-9794-ee62e1da9514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647150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and image">
    <p:bg>
      <p:bgPr>
        <a:solidFill>
          <a:srgbClr val="C1FCED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Image 1" descr="preencoded.png">
            <a:extLst>
              <a:ext uri="{FF2B5EF4-FFF2-40B4-BE49-F238E27FC236}">
                <a16:creationId xmlns:a16="http://schemas.microsoft.com/office/drawing/2014/main" id="{A0D58351-7331-A48C-A343-895ED628F55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2355" y="1722606"/>
            <a:ext cx="4873193" cy="2392664"/>
          </a:xfrm>
          <a:prstGeom prst="rect">
            <a:avLst/>
          </a:prstGeom>
        </p:spPr>
      </p:pic>
      <p:pic>
        <p:nvPicPr>
          <p:cNvPr id="1661300160" name="SAP Logo Placeholder" descr="{&quot;templafy&quot;:{&quot;id&quot;:&quot;7100154d-5541-4170-9c29-a1ae2a0f365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640104" y="6053328"/>
            <a:ext cx="2212852" cy="536449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536025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 i="0">
                <a:latin typeface="Arial" panose="020B0604020202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89885575" name="Acquired Company Logo Placeholder" descr="{&quot;templafy&quot;:{&quot;id&quot;:&quot;f2b47863-13e5-4c79-b658-d8de896a8d54&quot;}}" hidden="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2575" y="531983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20f5b3dd-ae91-43f7-9288-4060badccd4f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D5D32D2A-E2F7-EA9D-8CB4-F270F09B15E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069013" y="0"/>
            <a:ext cx="612616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</p:spTree>
    <p:extLst>
      <p:ext uri="{BB962C8B-B14F-4D97-AF65-F5344CB8AC3E}">
        <p14:creationId xmlns:p14="http://schemas.microsoft.com/office/powerpoint/2010/main" val="13096667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image in anvil shape">
    <p:bg>
      <p:bgPr>
        <a:solidFill>
          <a:srgbClr val="0179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78902396" name="SAP Logo Placeholder" descr="{&quot;templafy&quot;:{&quot;id&quot;:&quot;b81cd069-e335-4c67-b905-7c8768f52e7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1">
                <a:solidFill>
                  <a:schemeClr val="bg1"/>
                </a:solidFill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26155575" name="Acquired Company Logo Placeholder" descr="{&quot;templafy&quot;:{&quot;id&quot;:&quot;078d39d7-e924-4b8f-8dd3-bf0f6cd0c5eb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15" name="TextBox 14" descr="{&quot;templafy&quot;:{&quot;id&quot;:&quot;45bbbf92-a717-4a11-9a57-3a0bd7abd39b&quot;}}">
            <a:extLst>
              <a:ext uri="{FF2B5EF4-FFF2-40B4-BE49-F238E27FC236}">
                <a16:creationId xmlns:a16="http://schemas.microsoft.com/office/drawing/2014/main" id="{0FA9D6E6-AE97-2973-2805-63C5FBC0F61C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Arial" panose="020B0604020202020204" pitchFamily="34" charset="0"/>
                <a:ea typeface="Arial Unicode MS" pitchFamily="34" charset="-128"/>
                <a:cs typeface="72" panose="020B0503030000000003" pitchFamily="34" charset="0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117" Type="http://schemas.openxmlformats.org/officeDocument/2006/relationships/tags" Target="../tags/tag89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4.xml"/><Relationship Id="rId47" Type="http://schemas.openxmlformats.org/officeDocument/2006/relationships/tags" Target="../tags/tag19.xml"/><Relationship Id="rId63" Type="http://schemas.openxmlformats.org/officeDocument/2006/relationships/tags" Target="../tags/tag35.xml"/><Relationship Id="rId68" Type="http://schemas.openxmlformats.org/officeDocument/2006/relationships/tags" Target="../tags/tag40.xml"/><Relationship Id="rId84" Type="http://schemas.openxmlformats.org/officeDocument/2006/relationships/tags" Target="../tags/tag56.xml"/><Relationship Id="rId89" Type="http://schemas.openxmlformats.org/officeDocument/2006/relationships/tags" Target="../tags/tag61.xml"/><Relationship Id="rId112" Type="http://schemas.openxmlformats.org/officeDocument/2006/relationships/tags" Target="../tags/tag84.xml"/><Relationship Id="rId133" Type="http://schemas.openxmlformats.org/officeDocument/2006/relationships/tags" Target="../tags/tag105.xml"/><Relationship Id="rId138" Type="http://schemas.openxmlformats.org/officeDocument/2006/relationships/tags" Target="../tags/tag110.xml"/><Relationship Id="rId16" Type="http://schemas.openxmlformats.org/officeDocument/2006/relationships/slideLayout" Target="../slideLayouts/slideLayout16.xml"/><Relationship Id="rId107" Type="http://schemas.openxmlformats.org/officeDocument/2006/relationships/tags" Target="../tags/tag79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4.xml"/><Relationship Id="rId37" Type="http://schemas.openxmlformats.org/officeDocument/2006/relationships/tags" Target="../tags/tag9.xml"/><Relationship Id="rId53" Type="http://schemas.openxmlformats.org/officeDocument/2006/relationships/tags" Target="../tags/tag25.xml"/><Relationship Id="rId58" Type="http://schemas.openxmlformats.org/officeDocument/2006/relationships/tags" Target="../tags/tag30.xml"/><Relationship Id="rId74" Type="http://schemas.openxmlformats.org/officeDocument/2006/relationships/tags" Target="../tags/tag46.xml"/><Relationship Id="rId79" Type="http://schemas.openxmlformats.org/officeDocument/2006/relationships/tags" Target="../tags/tag51.xml"/><Relationship Id="rId102" Type="http://schemas.openxmlformats.org/officeDocument/2006/relationships/tags" Target="../tags/tag74.xml"/><Relationship Id="rId123" Type="http://schemas.openxmlformats.org/officeDocument/2006/relationships/tags" Target="../tags/tag95.xml"/><Relationship Id="rId128" Type="http://schemas.openxmlformats.org/officeDocument/2006/relationships/tags" Target="../tags/tag100.xml"/><Relationship Id="rId144" Type="http://schemas.openxmlformats.org/officeDocument/2006/relationships/tags" Target="../tags/tag116.xml"/><Relationship Id="rId149" Type="http://schemas.openxmlformats.org/officeDocument/2006/relationships/tags" Target="../tags/tag121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62.xml"/><Relationship Id="rId95" Type="http://schemas.openxmlformats.org/officeDocument/2006/relationships/tags" Target="../tags/tag67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5.xml"/><Relationship Id="rId48" Type="http://schemas.openxmlformats.org/officeDocument/2006/relationships/tags" Target="../tags/tag20.xml"/><Relationship Id="rId64" Type="http://schemas.openxmlformats.org/officeDocument/2006/relationships/tags" Target="../tags/tag36.xml"/><Relationship Id="rId69" Type="http://schemas.openxmlformats.org/officeDocument/2006/relationships/tags" Target="../tags/tag41.xml"/><Relationship Id="rId113" Type="http://schemas.openxmlformats.org/officeDocument/2006/relationships/tags" Target="../tags/tag85.xml"/><Relationship Id="rId118" Type="http://schemas.openxmlformats.org/officeDocument/2006/relationships/tags" Target="../tags/tag90.xml"/><Relationship Id="rId134" Type="http://schemas.openxmlformats.org/officeDocument/2006/relationships/tags" Target="../tags/tag106.xml"/><Relationship Id="rId139" Type="http://schemas.openxmlformats.org/officeDocument/2006/relationships/tags" Target="../tags/tag111.xml"/><Relationship Id="rId80" Type="http://schemas.openxmlformats.org/officeDocument/2006/relationships/tags" Target="../tags/tag52.xml"/><Relationship Id="rId85" Type="http://schemas.openxmlformats.org/officeDocument/2006/relationships/tags" Target="../tags/tag57.xml"/><Relationship Id="rId150" Type="http://schemas.openxmlformats.org/officeDocument/2006/relationships/tags" Target="../tags/tag122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ags" Target="../tags/tag5.xml"/><Relationship Id="rId38" Type="http://schemas.openxmlformats.org/officeDocument/2006/relationships/tags" Target="../tags/tag10.xml"/><Relationship Id="rId46" Type="http://schemas.openxmlformats.org/officeDocument/2006/relationships/tags" Target="../tags/tag18.xml"/><Relationship Id="rId59" Type="http://schemas.openxmlformats.org/officeDocument/2006/relationships/tags" Target="../tags/tag31.xml"/><Relationship Id="rId67" Type="http://schemas.openxmlformats.org/officeDocument/2006/relationships/tags" Target="../tags/tag39.xml"/><Relationship Id="rId103" Type="http://schemas.openxmlformats.org/officeDocument/2006/relationships/tags" Target="../tags/tag75.xml"/><Relationship Id="rId108" Type="http://schemas.openxmlformats.org/officeDocument/2006/relationships/tags" Target="../tags/tag80.xml"/><Relationship Id="rId116" Type="http://schemas.openxmlformats.org/officeDocument/2006/relationships/tags" Target="../tags/tag88.xml"/><Relationship Id="rId124" Type="http://schemas.openxmlformats.org/officeDocument/2006/relationships/tags" Target="../tags/tag96.xml"/><Relationship Id="rId129" Type="http://schemas.openxmlformats.org/officeDocument/2006/relationships/tags" Target="../tags/tag101.xml"/><Relationship Id="rId137" Type="http://schemas.openxmlformats.org/officeDocument/2006/relationships/tags" Target="../tags/tag109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3.xml"/><Relationship Id="rId54" Type="http://schemas.openxmlformats.org/officeDocument/2006/relationships/tags" Target="../tags/tag26.xml"/><Relationship Id="rId62" Type="http://schemas.openxmlformats.org/officeDocument/2006/relationships/tags" Target="../tags/tag34.xml"/><Relationship Id="rId70" Type="http://schemas.openxmlformats.org/officeDocument/2006/relationships/tags" Target="../tags/tag42.xml"/><Relationship Id="rId75" Type="http://schemas.openxmlformats.org/officeDocument/2006/relationships/tags" Target="../tags/tag47.xml"/><Relationship Id="rId83" Type="http://schemas.openxmlformats.org/officeDocument/2006/relationships/tags" Target="../tags/tag55.xml"/><Relationship Id="rId88" Type="http://schemas.openxmlformats.org/officeDocument/2006/relationships/tags" Target="../tags/tag60.xml"/><Relationship Id="rId91" Type="http://schemas.openxmlformats.org/officeDocument/2006/relationships/tags" Target="../tags/tag63.xml"/><Relationship Id="rId96" Type="http://schemas.openxmlformats.org/officeDocument/2006/relationships/tags" Target="../tags/tag68.xml"/><Relationship Id="rId111" Type="http://schemas.openxmlformats.org/officeDocument/2006/relationships/tags" Target="../tags/tag83.xml"/><Relationship Id="rId132" Type="http://schemas.openxmlformats.org/officeDocument/2006/relationships/tags" Target="../tags/tag104.xml"/><Relationship Id="rId140" Type="http://schemas.openxmlformats.org/officeDocument/2006/relationships/tags" Target="../tags/tag112.xml"/><Relationship Id="rId145" Type="http://schemas.openxmlformats.org/officeDocument/2006/relationships/tags" Target="../tags/tag117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8.xml"/><Relationship Id="rId49" Type="http://schemas.openxmlformats.org/officeDocument/2006/relationships/tags" Target="../tags/tag21.xml"/><Relationship Id="rId57" Type="http://schemas.openxmlformats.org/officeDocument/2006/relationships/tags" Target="../tags/tag29.xml"/><Relationship Id="rId106" Type="http://schemas.openxmlformats.org/officeDocument/2006/relationships/tags" Target="../tags/tag78.xml"/><Relationship Id="rId114" Type="http://schemas.openxmlformats.org/officeDocument/2006/relationships/tags" Target="../tags/tag86.xml"/><Relationship Id="rId119" Type="http://schemas.openxmlformats.org/officeDocument/2006/relationships/tags" Target="../tags/tag91.xml"/><Relationship Id="rId127" Type="http://schemas.openxmlformats.org/officeDocument/2006/relationships/tags" Target="../tags/tag99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3.xml"/><Relationship Id="rId44" Type="http://schemas.openxmlformats.org/officeDocument/2006/relationships/tags" Target="../tags/tag16.xml"/><Relationship Id="rId52" Type="http://schemas.openxmlformats.org/officeDocument/2006/relationships/tags" Target="../tags/tag24.xml"/><Relationship Id="rId60" Type="http://schemas.openxmlformats.org/officeDocument/2006/relationships/tags" Target="../tags/tag32.xml"/><Relationship Id="rId65" Type="http://schemas.openxmlformats.org/officeDocument/2006/relationships/tags" Target="../tags/tag37.xml"/><Relationship Id="rId73" Type="http://schemas.openxmlformats.org/officeDocument/2006/relationships/tags" Target="../tags/tag45.xml"/><Relationship Id="rId78" Type="http://schemas.openxmlformats.org/officeDocument/2006/relationships/tags" Target="../tags/tag50.xml"/><Relationship Id="rId81" Type="http://schemas.openxmlformats.org/officeDocument/2006/relationships/tags" Target="../tags/tag53.xml"/><Relationship Id="rId86" Type="http://schemas.openxmlformats.org/officeDocument/2006/relationships/tags" Target="../tags/tag58.xml"/><Relationship Id="rId94" Type="http://schemas.openxmlformats.org/officeDocument/2006/relationships/tags" Target="../tags/tag66.xml"/><Relationship Id="rId99" Type="http://schemas.openxmlformats.org/officeDocument/2006/relationships/tags" Target="../tags/tag71.xml"/><Relationship Id="rId101" Type="http://schemas.openxmlformats.org/officeDocument/2006/relationships/tags" Target="../tags/tag73.xml"/><Relationship Id="rId122" Type="http://schemas.openxmlformats.org/officeDocument/2006/relationships/tags" Target="../tags/tag94.xml"/><Relationship Id="rId130" Type="http://schemas.openxmlformats.org/officeDocument/2006/relationships/tags" Target="../tags/tag102.xml"/><Relationship Id="rId135" Type="http://schemas.openxmlformats.org/officeDocument/2006/relationships/tags" Target="../tags/tag107.xml"/><Relationship Id="rId143" Type="http://schemas.openxmlformats.org/officeDocument/2006/relationships/tags" Target="../tags/tag115.xml"/><Relationship Id="rId148" Type="http://schemas.openxmlformats.org/officeDocument/2006/relationships/tags" Target="../tags/tag120.xml"/><Relationship Id="rId151" Type="http://schemas.openxmlformats.org/officeDocument/2006/relationships/tags" Target="../tags/tag12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1.xml"/><Relationship Id="rId109" Type="http://schemas.openxmlformats.org/officeDocument/2006/relationships/tags" Target="../tags/tag81.xml"/><Relationship Id="rId34" Type="http://schemas.openxmlformats.org/officeDocument/2006/relationships/tags" Target="../tags/tag6.xml"/><Relationship Id="rId50" Type="http://schemas.openxmlformats.org/officeDocument/2006/relationships/tags" Target="../tags/tag22.xml"/><Relationship Id="rId55" Type="http://schemas.openxmlformats.org/officeDocument/2006/relationships/tags" Target="../tags/tag27.xml"/><Relationship Id="rId76" Type="http://schemas.openxmlformats.org/officeDocument/2006/relationships/tags" Target="../tags/tag48.xml"/><Relationship Id="rId97" Type="http://schemas.openxmlformats.org/officeDocument/2006/relationships/tags" Target="../tags/tag69.xml"/><Relationship Id="rId104" Type="http://schemas.openxmlformats.org/officeDocument/2006/relationships/tags" Target="../tags/tag76.xml"/><Relationship Id="rId120" Type="http://schemas.openxmlformats.org/officeDocument/2006/relationships/tags" Target="../tags/tag92.xml"/><Relationship Id="rId125" Type="http://schemas.openxmlformats.org/officeDocument/2006/relationships/tags" Target="../tags/tag97.xml"/><Relationship Id="rId141" Type="http://schemas.openxmlformats.org/officeDocument/2006/relationships/tags" Target="../tags/tag113.xml"/><Relationship Id="rId146" Type="http://schemas.openxmlformats.org/officeDocument/2006/relationships/tags" Target="../tags/tag118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3.xml"/><Relationship Id="rId92" Type="http://schemas.openxmlformats.org/officeDocument/2006/relationships/tags" Target="../tags/tag64.xml"/><Relationship Id="rId2" Type="http://schemas.openxmlformats.org/officeDocument/2006/relationships/slideLayout" Target="../slideLayouts/slideLayout2.xml"/><Relationship Id="rId29" Type="http://schemas.openxmlformats.org/officeDocument/2006/relationships/theme" Target="../theme/theme1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2.xml"/><Relationship Id="rId45" Type="http://schemas.openxmlformats.org/officeDocument/2006/relationships/tags" Target="../tags/tag17.xml"/><Relationship Id="rId66" Type="http://schemas.openxmlformats.org/officeDocument/2006/relationships/tags" Target="../tags/tag38.xml"/><Relationship Id="rId87" Type="http://schemas.openxmlformats.org/officeDocument/2006/relationships/tags" Target="../tags/tag59.xml"/><Relationship Id="rId110" Type="http://schemas.openxmlformats.org/officeDocument/2006/relationships/tags" Target="../tags/tag82.xml"/><Relationship Id="rId115" Type="http://schemas.openxmlformats.org/officeDocument/2006/relationships/tags" Target="../tags/tag87.xml"/><Relationship Id="rId131" Type="http://schemas.openxmlformats.org/officeDocument/2006/relationships/tags" Target="../tags/tag103.xml"/><Relationship Id="rId136" Type="http://schemas.openxmlformats.org/officeDocument/2006/relationships/tags" Target="../tags/tag108.xml"/><Relationship Id="rId61" Type="http://schemas.openxmlformats.org/officeDocument/2006/relationships/tags" Target="../tags/tag33.xml"/><Relationship Id="rId82" Type="http://schemas.openxmlformats.org/officeDocument/2006/relationships/tags" Target="../tags/tag54.xml"/><Relationship Id="rId152" Type="http://schemas.openxmlformats.org/officeDocument/2006/relationships/tags" Target="../tags/tag124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2.xml"/><Relationship Id="rId35" Type="http://schemas.openxmlformats.org/officeDocument/2006/relationships/tags" Target="../tags/tag7.xml"/><Relationship Id="rId56" Type="http://schemas.openxmlformats.org/officeDocument/2006/relationships/tags" Target="../tags/tag28.xml"/><Relationship Id="rId77" Type="http://schemas.openxmlformats.org/officeDocument/2006/relationships/tags" Target="../tags/tag49.xml"/><Relationship Id="rId100" Type="http://schemas.openxmlformats.org/officeDocument/2006/relationships/tags" Target="../tags/tag72.xml"/><Relationship Id="rId105" Type="http://schemas.openxmlformats.org/officeDocument/2006/relationships/tags" Target="../tags/tag77.xml"/><Relationship Id="rId126" Type="http://schemas.openxmlformats.org/officeDocument/2006/relationships/tags" Target="../tags/tag98.xml"/><Relationship Id="rId147" Type="http://schemas.openxmlformats.org/officeDocument/2006/relationships/tags" Target="../tags/tag119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3.xml"/><Relationship Id="rId72" Type="http://schemas.openxmlformats.org/officeDocument/2006/relationships/tags" Target="../tags/tag44.xml"/><Relationship Id="rId93" Type="http://schemas.openxmlformats.org/officeDocument/2006/relationships/tags" Target="../tags/tag65.xml"/><Relationship Id="rId98" Type="http://schemas.openxmlformats.org/officeDocument/2006/relationships/tags" Target="../tags/tag70.xml"/><Relationship Id="rId121" Type="http://schemas.openxmlformats.org/officeDocument/2006/relationships/tags" Target="../tags/tag93.xml"/><Relationship Id="rId142" Type="http://schemas.openxmlformats.org/officeDocument/2006/relationships/tags" Target="../tags/tag114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Arial" panose="020B0604020202020204" pitchFamily="34" charset="0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Arial" panose="020B0604020202020204" pitchFamily="34" charset="0"/>
            </a:endParaRPr>
          </a:p>
        </p:txBody>
      </p:sp>
      <p:sp>
        <p:nvSpPr>
          <p:cNvPr id="12" name="Copyright Placeholder" descr="{&quot;templafy&quot;:{&quot;id&quot;:&quot;60051dd4-4ab0-4ee8-8b18-f35976cd7000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</a:t>
            </a:r>
            <a:r>
              <a:rPr lang="en-US" altLang="zh-CN" sz="600" b="0" i="0" dirty="0">
                <a:latin typeface="Arial" panose="020B0604020202020204" pitchFamily="34" charset="0"/>
              </a:rPr>
              <a:t>Customer</a:t>
            </a:r>
            <a:r>
              <a:rPr lang="en-US" sz="600" b="0" i="0" dirty="0">
                <a:latin typeface="Arial" panose="020B0604020202020204" pitchFamily="34" charset="0"/>
              </a:rPr>
              <a:t>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0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3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80" r:id="rId3"/>
    <p:sldLayoutId id="2147483775" r:id="rId4"/>
    <p:sldLayoutId id="2147483779" r:id="rId5"/>
    <p:sldLayoutId id="2147483776" r:id="rId6"/>
    <p:sldLayoutId id="2147483777" r:id="rId7"/>
    <p:sldLayoutId id="2147483741" r:id="rId8"/>
    <p:sldLayoutId id="2147483765" r:id="rId9"/>
    <p:sldLayoutId id="2147483767" r:id="rId10"/>
    <p:sldLayoutId id="2147483743" r:id="rId11"/>
    <p:sldLayoutId id="2147483774" r:id="rId12"/>
    <p:sldLayoutId id="2147483745" r:id="rId13"/>
    <p:sldLayoutId id="2147483760" r:id="rId14"/>
    <p:sldLayoutId id="2147483768" r:id="rId15"/>
    <p:sldLayoutId id="2147483769" r:id="rId16"/>
    <p:sldLayoutId id="2147483770" r:id="rId17"/>
    <p:sldLayoutId id="2147483744" r:id="rId18"/>
    <p:sldLayoutId id="2147483757" r:id="rId19"/>
    <p:sldLayoutId id="2147483771" r:id="rId20"/>
    <p:sldLayoutId id="2147483763" r:id="rId21"/>
    <p:sldLayoutId id="2147483751" r:id="rId22"/>
    <p:sldLayoutId id="2147483756" r:id="rId23"/>
    <p:sldLayoutId id="2147483740" r:id="rId24"/>
    <p:sldLayoutId id="2147483781" r:id="rId25"/>
    <p:sldLayoutId id="2147483782" r:id="rId26"/>
    <p:sldLayoutId id="2147483783" r:id="rId27"/>
    <p:sldLayoutId id="2147483784" r:id="rId28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i="0" kern="1200" baseline="0">
          <a:solidFill>
            <a:schemeClr val="tx1"/>
          </a:solidFill>
          <a:latin typeface="Arial" panose="020B0604020202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Wingdings" pitchFamily="2" charset="2"/>
        <a:buChar char="§"/>
        <a:defRPr sz="18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3" Type="http://schemas.openxmlformats.org/officeDocument/2006/relationships/image" Target="../media/image30.png"/><Relationship Id="rId7" Type="http://schemas.openxmlformats.org/officeDocument/2006/relationships/image" Target="../media/image34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1.xml"/><Relationship Id="rId6" Type="http://schemas.openxmlformats.org/officeDocument/2006/relationships/image" Target="../media/image33.png"/><Relationship Id="rId11" Type="http://schemas.openxmlformats.org/officeDocument/2006/relationships/image" Target="../media/image38.png"/><Relationship Id="rId5" Type="http://schemas.openxmlformats.org/officeDocument/2006/relationships/image" Target="../media/image32.png"/><Relationship Id="rId10" Type="http://schemas.openxmlformats.org/officeDocument/2006/relationships/image" Target="../media/image37.png"/><Relationship Id="rId4" Type="http://schemas.openxmlformats.org/officeDocument/2006/relationships/image" Target="../media/image31.png"/><Relationship Id="rId9" Type="http://schemas.openxmlformats.org/officeDocument/2006/relationships/image" Target="../media/image3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CE3D15A-CD95-401E-A86C-C920DE6F70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zh-CN" altLang="en-US" dirty="0"/>
              <a:t>报销发票信息录入潜在业务场景</a:t>
            </a:r>
            <a:r>
              <a:rPr lang="en-US" altLang="zh-CN" dirty="0"/>
              <a:t>- </a:t>
            </a:r>
            <a:r>
              <a:rPr lang="zh-CN" altLang="en-US" dirty="0"/>
              <a:t>纬创资通（中山）有限公司</a:t>
            </a:r>
            <a:r>
              <a:rPr lang="en-US" altLang="zh-CN" dirty="0"/>
              <a:t>	</a:t>
            </a:r>
            <a:endParaRPr lang="en-US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02517B05-66C5-40D3-BD80-C563A4A5584C}"/>
              </a:ext>
            </a:extLst>
          </p:cNvPr>
          <p:cNvSpPr txBox="1"/>
          <p:nvPr/>
        </p:nvSpPr>
        <p:spPr>
          <a:xfrm>
            <a:off x="348359" y="1977406"/>
            <a:ext cx="65" cy="276655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108812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797">
              <a:solidFill>
                <a:srgbClr val="000000"/>
              </a:solidFill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DAC34553-0154-4309-8A7B-C29E937AA5AD}"/>
              </a:ext>
            </a:extLst>
          </p:cNvPr>
          <p:cNvSpPr/>
          <p:nvPr/>
        </p:nvSpPr>
        <p:spPr>
          <a:xfrm>
            <a:off x="471821" y="3373137"/>
            <a:ext cx="5281796" cy="307617"/>
          </a:xfrm>
          <a:prstGeom prst="rect">
            <a:avLst/>
          </a:prstGeom>
        </p:spPr>
        <p:txBody>
          <a:bodyPr wrap="square" anchor="t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913395" fontAlgn="base">
              <a:spcBef>
                <a:spcPct val="20000"/>
              </a:spcBef>
              <a:spcAft>
                <a:spcPct val="0"/>
              </a:spcAft>
              <a:buClr>
                <a:srgbClr val="999999"/>
              </a:buClr>
              <a:defRPr/>
            </a:pPr>
            <a:r>
              <a:rPr lang="zh-CN" altLang="en-US" sz="1400" b="1" kern="0" dirty="0">
                <a:solidFill>
                  <a:srgbClr val="F0AB00"/>
                </a:solidFill>
                <a:latin typeface="Arial Black" pitchFamily="34" charset="0"/>
                <a:ea typeface="Arial Unicode MS" pitchFamily="34" charset="-128"/>
                <a:cs typeface="Arial Unicode MS" pitchFamily="34" charset="-128"/>
              </a:rPr>
              <a:t>流程自动化方案</a:t>
            </a:r>
            <a:endParaRPr lang="en-US" sz="1400" b="1" kern="0" dirty="0">
              <a:solidFill>
                <a:srgbClr val="F0AB00"/>
              </a:solidFill>
              <a:latin typeface="Arial Black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7D922B72-D73B-4364-AEAF-EFE09645E890}"/>
              </a:ext>
            </a:extLst>
          </p:cNvPr>
          <p:cNvCxnSpPr>
            <a:cxnSpLocks/>
          </p:cNvCxnSpPr>
          <p:nvPr/>
        </p:nvCxnSpPr>
        <p:spPr>
          <a:xfrm>
            <a:off x="532128" y="1357727"/>
            <a:ext cx="5017035" cy="0"/>
          </a:xfrm>
          <a:prstGeom prst="straightConnector1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FBEC394-EEE7-44F8-B4FC-E40B10F7FE28}"/>
              </a:ext>
            </a:extLst>
          </p:cNvPr>
          <p:cNvGrpSpPr/>
          <p:nvPr/>
        </p:nvGrpSpPr>
        <p:grpSpPr>
          <a:xfrm>
            <a:off x="497709" y="5572838"/>
            <a:ext cx="11192436" cy="600365"/>
            <a:chOff x="-2729523" y="8034608"/>
            <a:chExt cx="8028756" cy="3226431"/>
          </a:xfrm>
        </p:grpSpPr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4ECD8BA1-E58F-44C1-B56E-F656F5562AB9}"/>
                </a:ext>
              </a:extLst>
            </p:cNvPr>
            <p:cNvSpPr/>
            <p:nvPr/>
          </p:nvSpPr>
          <p:spPr>
            <a:xfrm>
              <a:off x="-2713758" y="8449194"/>
              <a:ext cx="8012991" cy="2811845"/>
            </a:xfrm>
            <a:prstGeom prst="rect">
              <a:avLst/>
            </a:prstGeom>
          </p:spPr>
          <p:txBody>
            <a:bodyPr wrap="square" anchor="t">
              <a:spAutoFit/>
            </a:bodyPr>
            <a:lstStyle>
              <a:defPPr>
                <a:defRPr lang="de-DE"/>
              </a:defPPr>
              <a:lvl1pPr marL="0" algn="l" defTabSz="1088776" rtl="0" eaLnBrk="1" latinLnBrk="0" hangingPunct="1"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1pPr>
              <a:lvl2pPr marL="544388" algn="l" defTabSz="1088776" rtl="0" eaLnBrk="1" latinLnBrk="0" hangingPunct="1">
                <a:buClr>
                  <a:srgbClr val="FDB913"/>
                </a:buClr>
                <a:buSzPct val="100000"/>
                <a:buFont typeface="wingdings"/>
                <a:buChar char=""/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2pPr>
              <a:lvl3pPr marL="1088776" algn="l" defTabSz="1088776" rtl="0" eaLnBrk="1" latinLnBrk="0" hangingPunct="1">
                <a:buClr>
                  <a:srgbClr val="666666"/>
                </a:buClr>
                <a:buSzPct val="80000"/>
                <a:buFont typeface="Wingdings"/>
                <a:buChar char="n"/>
                <a:defRPr lang="de-DE" sz="17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3pPr>
              <a:lvl4pPr marL="1633164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4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4pPr>
              <a:lvl5pPr marL="2177552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2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5pPr>
              <a:lvl6pPr marL="2721940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266328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810716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355104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171263" indent="-171263" defTabSz="1088122"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zh-CN" altLang="en-US" sz="1400" dirty="0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rPr>
                <a:t>极大降低财务人员月结中报销对账的</a:t>
              </a:r>
              <a:r>
                <a:rPr lang="zh-CN" altLang="en-US" sz="1400" b="1" dirty="0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rPr>
                <a:t>重复且费时工作</a:t>
              </a:r>
              <a:r>
                <a:rPr lang="zh-CN" altLang="en-US" sz="1400" dirty="0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rPr>
                <a:t>，从而使财务人员能快速定位和处理存在差异票据。</a:t>
              </a:r>
              <a:endParaRPr lang="en-US" altLang="zh-CN" sz="140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  <a:p>
              <a:pPr marL="171263" indent="-171263" defTabSz="1088122"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zh-CN" altLang="en-US" sz="1400" b="1" dirty="0">
                  <a:latin typeface="Arial" charset="0"/>
                  <a:ea typeface="Arial Unicode MS" pitchFamily="34" charset="-128"/>
                  <a:cs typeface="Arial Unicode MS" pitchFamily="34" charset="-128"/>
                </a:rPr>
                <a:t>减少手工操作差错</a:t>
              </a:r>
              <a:r>
                <a:rPr lang="zh-CN" altLang="en-US" sz="1400" dirty="0">
                  <a:latin typeface="Arial" charset="0"/>
                  <a:ea typeface="Arial Unicode MS" pitchFamily="34" charset="-128"/>
                  <a:cs typeface="Arial Unicode MS" pitchFamily="34" charset="-128"/>
                </a:rPr>
                <a:t>，提高数据准确性。</a:t>
              </a:r>
              <a:endParaRPr lang="en-US" altLang="zh-CN" sz="1400" dirty="0">
                <a:latin typeface="Arial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33" name="Straight Arrow Connector 32">
              <a:extLst>
                <a:ext uri="{FF2B5EF4-FFF2-40B4-BE49-F238E27FC236}">
                  <a16:creationId xmlns:a16="http://schemas.microsoft.com/office/drawing/2014/main" id="{E7B48F05-E436-4663-AFA0-BE5060891581}"/>
                </a:ext>
              </a:extLst>
            </p:cNvPr>
            <p:cNvCxnSpPr>
              <a:cxnSpLocks/>
            </p:cNvCxnSpPr>
            <p:nvPr/>
          </p:nvCxnSpPr>
          <p:spPr>
            <a:xfrm>
              <a:off x="-2729523" y="8034608"/>
              <a:ext cx="4805223" cy="0"/>
            </a:xfrm>
            <a:prstGeom prst="straightConnector1">
              <a:avLst/>
            </a:prstGeom>
            <a:ln>
              <a:headEnd type="none" w="med" len="med"/>
              <a:tailEnd type="none" w="med" len="med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</p:grpSp>
      <p:sp>
        <p:nvSpPr>
          <p:cNvPr id="34" name="Rectangle 33">
            <a:extLst>
              <a:ext uri="{FF2B5EF4-FFF2-40B4-BE49-F238E27FC236}">
                <a16:creationId xmlns:a16="http://schemas.microsoft.com/office/drawing/2014/main" id="{D45FDFD8-D357-4987-81B1-FA33DE4CB3AB}"/>
              </a:ext>
            </a:extLst>
          </p:cNvPr>
          <p:cNvSpPr/>
          <p:nvPr/>
        </p:nvSpPr>
        <p:spPr>
          <a:xfrm>
            <a:off x="471820" y="3761624"/>
            <a:ext cx="11218325" cy="73866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285578" indent="-285578" defTabSz="1088122">
              <a:buClr>
                <a:schemeClr val="accent1"/>
              </a:buClr>
              <a:buFont typeface="Wingdings" panose="05000000000000000000" pitchFamily="2" charset="2"/>
              <a:buChar char="§"/>
              <a:defRPr/>
            </a:pPr>
            <a:r>
              <a:rPr lang="en-US" altLang="zh-CN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SAP</a:t>
            </a:r>
            <a:r>
              <a:rPr lang="zh-CN" altLang="en-US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流程自动化读取发票信息，进入</a:t>
            </a:r>
            <a:r>
              <a:rPr lang="en-US" altLang="zh-CN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SAP</a:t>
            </a:r>
            <a:r>
              <a:rPr lang="zh-CN" altLang="en-US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系统录入发票信息，如果信息有误，发邮件给申请人核实</a:t>
            </a:r>
            <a:endParaRPr lang="en-US" altLang="zh-CN" sz="1400" dirty="0">
              <a:solidFill>
                <a:srgbClr val="000000"/>
              </a:solidFill>
              <a:latin typeface="Arial" charset="0"/>
              <a:ea typeface="Arial Unicode MS" pitchFamily="34" charset="-128"/>
              <a:cs typeface="Arial Unicode MS" pitchFamily="34" charset="-128"/>
            </a:endParaRPr>
          </a:p>
          <a:p>
            <a:pPr marL="285578" indent="-285578" defTabSz="1088122">
              <a:buClr>
                <a:schemeClr val="accent1"/>
              </a:buClr>
              <a:buFont typeface="Wingdings" panose="05000000000000000000" pitchFamily="2" charset="2"/>
              <a:buChar char="§"/>
              <a:defRPr/>
            </a:pPr>
            <a:r>
              <a:rPr lang="zh-CN" altLang="en-US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如果数据没问题，通过审批流程进行审批</a:t>
            </a:r>
            <a:endParaRPr lang="en-US" altLang="zh-CN" sz="1400" dirty="0">
              <a:solidFill>
                <a:srgbClr val="000000"/>
              </a:solidFill>
              <a:latin typeface="Arial" charset="0"/>
              <a:ea typeface="Arial Unicode MS" pitchFamily="34" charset="-128"/>
              <a:cs typeface="Arial Unicode MS" pitchFamily="34" charset="-128"/>
            </a:endParaRPr>
          </a:p>
          <a:p>
            <a:pPr marL="285578" indent="-285578" defTabSz="1088122">
              <a:buClr>
                <a:schemeClr val="accent1"/>
              </a:buClr>
              <a:buFont typeface="Wingdings" panose="05000000000000000000" pitchFamily="2" charset="2"/>
              <a:buChar char="§"/>
              <a:defRPr/>
            </a:pPr>
            <a:r>
              <a:rPr lang="zh-CN" altLang="en-US" sz="1400" b="1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流程优化建议</a:t>
            </a:r>
            <a:r>
              <a:rPr lang="zh-CN" altLang="en-US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：机器人每周定时执行报销账单录入，及时通知报销人员处理异常数据，</a:t>
            </a:r>
            <a:r>
              <a:rPr lang="zh-CN" altLang="en-US" sz="1400" b="1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提高及时性和准确性</a:t>
            </a:r>
            <a:r>
              <a:rPr lang="zh-CN" altLang="en-US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，避免月结数据堆积</a:t>
            </a:r>
            <a:endParaRPr lang="en-US" altLang="zh-CN" sz="1400" dirty="0">
              <a:latin typeface="Arial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AE3563F1-A6AC-4D52-80B3-9D7AE577A29E}"/>
              </a:ext>
            </a:extLst>
          </p:cNvPr>
          <p:cNvSpPr/>
          <p:nvPr/>
        </p:nvSpPr>
        <p:spPr>
          <a:xfrm>
            <a:off x="416267" y="1385740"/>
            <a:ext cx="11273879" cy="95410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285664" indent="-285664" defTabSz="1088122">
              <a:buClr>
                <a:schemeClr val="accent1"/>
              </a:buClr>
              <a:buFont typeface="Arial" panose="020B0604020202020204" pitchFamily="34" charset="0"/>
              <a:buChar char="•"/>
              <a:defRPr/>
            </a:pPr>
            <a:r>
              <a:rPr lang="zh-CN" altLang="en-US" sz="1400" dirty="0">
                <a:latin typeface="Arial" charset="0"/>
              </a:rPr>
              <a:t>每月月结财务结账期间，财务人员需要花大量时间精力去录入报销账单，核对发票</a:t>
            </a:r>
            <a:endParaRPr lang="en-US" altLang="zh-CN" sz="1400" dirty="0">
              <a:latin typeface="Arial" charset="0"/>
            </a:endParaRPr>
          </a:p>
          <a:p>
            <a:pPr marL="285664" indent="-285664" defTabSz="1088122">
              <a:buClr>
                <a:schemeClr val="accent1"/>
              </a:buClr>
              <a:buFont typeface="Arial" panose="020B0604020202020204" pitchFamily="34" charset="0"/>
              <a:buChar char="•"/>
              <a:defRPr/>
            </a:pPr>
            <a:r>
              <a:rPr lang="zh-CN" altLang="en-US" sz="1400" dirty="0">
                <a:latin typeface="Arial" charset="0"/>
              </a:rPr>
              <a:t>发票数额与申报数额相差太大需要通知申请人核对</a:t>
            </a:r>
            <a:endParaRPr lang="en-US" altLang="zh-CN" sz="1400" dirty="0">
              <a:latin typeface="Arial" charset="0"/>
            </a:endParaRPr>
          </a:p>
          <a:p>
            <a:pPr marL="285664" indent="-285664" defTabSz="1088122">
              <a:buClr>
                <a:schemeClr val="accent1"/>
              </a:buClr>
              <a:buFont typeface="Arial" panose="020B0604020202020204" pitchFamily="34" charset="0"/>
              <a:buChar char="•"/>
              <a:defRPr/>
            </a:pPr>
            <a:r>
              <a:rPr lang="zh-CN" altLang="en-US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整个录入过程</a:t>
            </a:r>
            <a:r>
              <a:rPr lang="zh-CN" altLang="en-US" sz="1400" b="1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重复繁琐，花费时间久</a:t>
            </a:r>
            <a:r>
              <a:rPr lang="zh-CN" altLang="en-US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，并且可能出现</a:t>
            </a:r>
            <a:r>
              <a:rPr lang="zh-CN" altLang="en-US" sz="1400" b="1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人为错误</a:t>
            </a:r>
            <a:endParaRPr lang="en-US" altLang="zh-CN" sz="1400" b="1" dirty="0">
              <a:solidFill>
                <a:srgbClr val="000000"/>
              </a:solidFill>
              <a:latin typeface="Arial" charset="0"/>
              <a:ea typeface="Arial Unicode MS" pitchFamily="34" charset="-128"/>
              <a:cs typeface="Arial Unicode MS" pitchFamily="34" charset="-128"/>
            </a:endParaRPr>
          </a:p>
          <a:p>
            <a:pPr marL="285664" indent="-285664" defTabSz="1088122">
              <a:buClr>
                <a:schemeClr val="accent1"/>
              </a:buClr>
              <a:buFont typeface="Arial" panose="020B0604020202020204" pitchFamily="34" charset="0"/>
              <a:buChar char="•"/>
              <a:defRPr/>
            </a:pPr>
            <a:r>
              <a:rPr lang="zh-CN" altLang="en-US" sz="14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数据没问题需要走审批流程</a:t>
            </a:r>
            <a:endParaRPr lang="en-US" altLang="zh-CN" sz="1400" dirty="0">
              <a:solidFill>
                <a:srgbClr val="000000"/>
              </a:solidFill>
              <a:latin typeface="Arial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56E23681-4046-4E85-979A-967B635EE20C}"/>
              </a:ext>
            </a:extLst>
          </p:cNvPr>
          <p:cNvSpPr/>
          <p:nvPr/>
        </p:nvSpPr>
        <p:spPr>
          <a:xfrm>
            <a:off x="464132" y="1050260"/>
            <a:ext cx="5153022" cy="307466"/>
          </a:xfrm>
          <a:prstGeom prst="rect">
            <a:avLst/>
          </a:prstGeom>
        </p:spPr>
        <p:txBody>
          <a:bodyPr wrap="square" anchor="t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913395" fontAlgn="base">
              <a:spcBef>
                <a:spcPct val="20000"/>
              </a:spcBef>
              <a:spcAft>
                <a:spcPct val="0"/>
              </a:spcAft>
              <a:buClr>
                <a:srgbClr val="999999"/>
              </a:buClr>
              <a:defRPr/>
            </a:pPr>
            <a:r>
              <a:rPr lang="zh-CN" altLang="en-US" sz="1400" b="1" kern="0" dirty="0">
                <a:solidFill>
                  <a:srgbClr val="F0AB00"/>
                </a:solidFill>
                <a:latin typeface="Arial Black" pitchFamily="34" charset="0"/>
                <a:ea typeface="Arial Unicode MS" pitchFamily="34" charset="-128"/>
                <a:cs typeface="Arial Unicode MS" pitchFamily="34" charset="-128"/>
              </a:rPr>
              <a:t>业务痛点</a:t>
            </a:r>
            <a:endParaRPr lang="en-US" sz="1400" b="1" kern="0" dirty="0">
              <a:solidFill>
                <a:srgbClr val="F0AB00"/>
              </a:solidFill>
              <a:latin typeface="Arial Black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4A2C3FA9-B90A-4BAC-8B16-CF5845BFF526}"/>
              </a:ext>
            </a:extLst>
          </p:cNvPr>
          <p:cNvCxnSpPr>
            <a:cxnSpLocks/>
          </p:cNvCxnSpPr>
          <p:nvPr/>
        </p:nvCxnSpPr>
        <p:spPr>
          <a:xfrm>
            <a:off x="532128" y="3707216"/>
            <a:ext cx="5017036" cy="0"/>
          </a:xfrm>
          <a:prstGeom prst="straightConnector1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47" name="Rectangle 46">
            <a:extLst>
              <a:ext uri="{FF2B5EF4-FFF2-40B4-BE49-F238E27FC236}">
                <a16:creationId xmlns:a16="http://schemas.microsoft.com/office/drawing/2014/main" id="{38F60606-2D2B-48DD-BA29-71CE2E661348}"/>
              </a:ext>
            </a:extLst>
          </p:cNvPr>
          <p:cNvSpPr/>
          <p:nvPr/>
        </p:nvSpPr>
        <p:spPr>
          <a:xfrm>
            <a:off x="464133" y="5312804"/>
            <a:ext cx="5281796" cy="307617"/>
          </a:xfrm>
          <a:prstGeom prst="rect">
            <a:avLst/>
          </a:prstGeom>
        </p:spPr>
        <p:txBody>
          <a:bodyPr wrap="square" anchor="t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913395" fontAlgn="base">
              <a:spcBef>
                <a:spcPct val="20000"/>
              </a:spcBef>
              <a:spcAft>
                <a:spcPct val="0"/>
              </a:spcAft>
              <a:buClr>
                <a:srgbClr val="999999"/>
              </a:buClr>
              <a:defRPr/>
            </a:pPr>
            <a:r>
              <a:rPr lang="zh-CN" altLang="en-US" sz="1400" b="1" kern="0" dirty="0">
                <a:solidFill>
                  <a:srgbClr val="F0AB00"/>
                </a:solidFill>
                <a:latin typeface="Arial Black" pitchFamily="34" charset="0"/>
                <a:ea typeface="Arial Unicode MS" pitchFamily="34" charset="-128"/>
                <a:cs typeface="Arial Unicode MS" pitchFamily="34" charset="-128"/>
              </a:rPr>
              <a:t>业务价值</a:t>
            </a:r>
            <a:endParaRPr lang="en-US" sz="1400" b="1" kern="0" dirty="0">
              <a:solidFill>
                <a:srgbClr val="F0AB00"/>
              </a:solidFill>
              <a:latin typeface="Arial Black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0732882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123C77-837C-4DF7-A29B-3DEE605A4B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zh-CN" altLang="en-US" dirty="0"/>
              <a:t>报销发票信息录入业务场景自动化流程图（示例）</a:t>
            </a:r>
            <a:endParaRPr lang="en-US" dirty="0">
              <a:solidFill>
                <a:schemeClr val="accent1"/>
              </a:solidFill>
            </a:endParaRPr>
          </a:p>
        </p:txBody>
      </p:sp>
      <p:sp>
        <p:nvSpPr>
          <p:cNvPr id="3" name="Left Bracket 2">
            <a:extLst>
              <a:ext uri="{FF2B5EF4-FFF2-40B4-BE49-F238E27FC236}">
                <a16:creationId xmlns:a16="http://schemas.microsoft.com/office/drawing/2014/main" id="{2D64F61B-E0D2-49EC-B7F3-61F4CF132651}"/>
              </a:ext>
            </a:extLst>
          </p:cNvPr>
          <p:cNvSpPr/>
          <p:nvPr/>
        </p:nvSpPr>
        <p:spPr>
          <a:xfrm rot="5400000">
            <a:off x="4250017" y="-71424"/>
            <a:ext cx="319427" cy="6874484"/>
          </a:xfrm>
          <a:prstGeom prst="leftBracket">
            <a:avLst>
              <a:gd name="adj" fmla="val 109485"/>
            </a:avLst>
          </a:prstGeom>
          <a:ln w="19050">
            <a:solidFill>
              <a:schemeClr val="tx1"/>
            </a:solidFill>
            <a:prstDash val="solid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 defTabSz="1088122">
              <a:defRPr/>
            </a:pPr>
            <a:endParaRPr lang="en-US" sz="2098">
              <a:solidFill>
                <a:srgbClr val="FFFFFF"/>
              </a:solidFill>
              <a:latin typeface="Arial"/>
            </a:endParaRPr>
          </a:p>
        </p:txBody>
      </p:sp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AA05C1BF-E026-439D-8ECE-32637A8CFB97}"/>
              </a:ext>
            </a:extLst>
          </p:cNvPr>
          <p:cNvCxnSpPr>
            <a:cxnSpLocks/>
          </p:cNvCxnSpPr>
          <p:nvPr/>
        </p:nvCxnSpPr>
        <p:spPr>
          <a:xfrm>
            <a:off x="1754357" y="2088976"/>
            <a:ext cx="1871194" cy="0"/>
          </a:xfrm>
          <a:prstGeom prst="straightConnector1">
            <a:avLst/>
          </a:prstGeom>
          <a:ln w="19050">
            <a:solidFill>
              <a:schemeClr val="tx1"/>
            </a:solidFill>
            <a:prstDash val="solid"/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C41284BF-A03D-434E-983B-48536277E558}"/>
              </a:ext>
            </a:extLst>
          </p:cNvPr>
          <p:cNvCxnSpPr>
            <a:cxnSpLocks/>
          </p:cNvCxnSpPr>
          <p:nvPr/>
        </p:nvCxnSpPr>
        <p:spPr>
          <a:xfrm>
            <a:off x="4709463" y="2088976"/>
            <a:ext cx="1885044" cy="0"/>
          </a:xfrm>
          <a:prstGeom prst="straightConnector1">
            <a:avLst/>
          </a:prstGeom>
          <a:ln w="19050">
            <a:solidFill>
              <a:schemeClr val="tx1"/>
            </a:solidFill>
            <a:prstDash val="solid"/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FCB68252-63D2-4C15-8F66-2B7C744E1DBD}"/>
              </a:ext>
            </a:extLst>
          </p:cNvPr>
          <p:cNvCxnSpPr>
            <a:cxnSpLocks/>
          </p:cNvCxnSpPr>
          <p:nvPr/>
        </p:nvCxnSpPr>
        <p:spPr>
          <a:xfrm>
            <a:off x="1587675" y="3926559"/>
            <a:ext cx="1138809" cy="0"/>
          </a:xfrm>
          <a:prstGeom prst="straightConnector1">
            <a:avLst/>
          </a:prstGeom>
          <a:ln w="19050">
            <a:solidFill>
              <a:schemeClr val="tx1"/>
            </a:solidFill>
            <a:prstDash val="solid"/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FEE83422-03AC-4637-96B9-D9E1B82EE5EE}"/>
              </a:ext>
            </a:extLst>
          </p:cNvPr>
          <p:cNvCxnSpPr>
            <a:cxnSpLocks/>
          </p:cNvCxnSpPr>
          <p:nvPr/>
        </p:nvCxnSpPr>
        <p:spPr>
          <a:xfrm>
            <a:off x="3912667" y="3906535"/>
            <a:ext cx="1417117" cy="0"/>
          </a:xfrm>
          <a:prstGeom prst="straightConnector1">
            <a:avLst/>
          </a:prstGeom>
          <a:ln w="19050">
            <a:solidFill>
              <a:schemeClr val="tx1"/>
            </a:solidFill>
            <a:prstDash val="solid"/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8D3063B4-9F54-40F1-BE2D-D2ADA0C02EFD}"/>
              </a:ext>
            </a:extLst>
          </p:cNvPr>
          <p:cNvCxnSpPr>
            <a:cxnSpLocks/>
          </p:cNvCxnSpPr>
          <p:nvPr/>
        </p:nvCxnSpPr>
        <p:spPr>
          <a:xfrm>
            <a:off x="6061096" y="3901423"/>
            <a:ext cx="1262703" cy="0"/>
          </a:xfrm>
          <a:prstGeom prst="straightConnector1">
            <a:avLst/>
          </a:prstGeom>
          <a:ln w="19050">
            <a:solidFill>
              <a:schemeClr val="tx1"/>
            </a:solidFill>
            <a:prstDash val="solid"/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B7D856F8-9ED8-4CBB-A4ED-38CDAF123F94}"/>
              </a:ext>
            </a:extLst>
          </p:cNvPr>
          <p:cNvCxnSpPr>
            <a:cxnSpLocks/>
          </p:cNvCxnSpPr>
          <p:nvPr/>
        </p:nvCxnSpPr>
        <p:spPr>
          <a:xfrm flipV="1">
            <a:off x="4137849" y="2854247"/>
            <a:ext cx="1" cy="351861"/>
          </a:xfrm>
          <a:prstGeom prst="line">
            <a:avLst/>
          </a:prstGeom>
          <a:ln w="19050">
            <a:solidFill>
              <a:schemeClr val="tx1"/>
            </a:solidFill>
            <a:prstDash val="solid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375A1859-4F2E-4FBF-BA31-5A4C3027C735}"/>
              </a:ext>
            </a:extLst>
          </p:cNvPr>
          <p:cNvSpPr txBox="1"/>
          <p:nvPr/>
        </p:nvSpPr>
        <p:spPr>
          <a:xfrm>
            <a:off x="384886" y="2409257"/>
            <a:ext cx="1348259" cy="319429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defTabSz="108779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zh-CN" altLang="en-US" sz="1100" b="1" kern="0" dirty="0">
                <a:solidFill>
                  <a:srgbClr val="000000"/>
                </a:solidFill>
                <a:latin typeface="+mn-ea"/>
                <a:cs typeface="Arial Unicode MS" pitchFamily="34" charset="-128"/>
              </a:rPr>
              <a:t>财务人员维护需报销列表</a:t>
            </a:r>
            <a:endParaRPr lang="en-US" sz="1100" b="1" kern="0" dirty="0">
              <a:solidFill>
                <a:srgbClr val="000000"/>
              </a:solidFill>
              <a:latin typeface="+mn-ea"/>
              <a:cs typeface="Arial Unicode MS" pitchFamily="34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E467D3B-EF2F-4754-B4C2-BA9CAB111CC0}"/>
              </a:ext>
            </a:extLst>
          </p:cNvPr>
          <p:cNvSpPr txBox="1"/>
          <p:nvPr/>
        </p:nvSpPr>
        <p:spPr>
          <a:xfrm>
            <a:off x="2254488" y="4225261"/>
            <a:ext cx="2162020" cy="701962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defTabSz="108779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zh-CN" altLang="en-US" sz="11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机器人</a:t>
            </a:r>
            <a:r>
              <a:rPr lang="zh-CN" altLang="en-US" sz="1100" dirty="0">
                <a:solidFill>
                  <a:srgbClr val="000000"/>
                </a:solidFill>
                <a:latin typeface="Arial" charset="0"/>
                <a:ea typeface="Arial Unicode MS" pitchFamily="34" charset="-128"/>
                <a:cs typeface="Arial Unicode MS" pitchFamily="34" charset="-128"/>
              </a:rPr>
              <a:t>逐条比对申请报销金额与发票金额</a:t>
            </a:r>
            <a:endParaRPr lang="en-US" sz="11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03B0D08-A5E7-4F7A-A8DF-16735D32CAC9}"/>
              </a:ext>
            </a:extLst>
          </p:cNvPr>
          <p:cNvSpPr txBox="1"/>
          <p:nvPr/>
        </p:nvSpPr>
        <p:spPr>
          <a:xfrm>
            <a:off x="314375" y="4225261"/>
            <a:ext cx="1486112" cy="701957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defTabSz="108779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zh-CN" altLang="en-US" sz="11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机器人登录</a:t>
            </a:r>
            <a:r>
              <a:rPr lang="en-US" altLang="zh-CN" sz="11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SAP</a:t>
            </a:r>
            <a:r>
              <a:rPr lang="zh-CN" altLang="en-US" sz="11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系统，录入发票信息</a:t>
            </a:r>
            <a:endParaRPr lang="en-US" sz="11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8A74891-06CA-4171-AAE3-591BE3CE6C4F}"/>
              </a:ext>
            </a:extLst>
          </p:cNvPr>
          <p:cNvSpPr txBox="1"/>
          <p:nvPr/>
        </p:nvSpPr>
        <p:spPr>
          <a:xfrm>
            <a:off x="4870510" y="4225260"/>
            <a:ext cx="1723050" cy="727992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algn="ctr" defTabSz="1088122">
              <a:defRPr/>
            </a:pPr>
            <a:r>
              <a:rPr lang="zh-CN" altLang="en-US" sz="1100" dirty="0">
                <a:solidFill>
                  <a:srgbClr val="000000"/>
                </a:solidFill>
                <a:cs typeface="Arial"/>
              </a:rPr>
              <a:t>机器人生成比对结果表单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1FEAA1BC-8516-456C-BC9D-216513ECC54B}"/>
              </a:ext>
            </a:extLst>
          </p:cNvPr>
          <p:cNvSpPr txBox="1"/>
          <p:nvPr/>
        </p:nvSpPr>
        <p:spPr>
          <a:xfrm>
            <a:off x="7047562" y="4225260"/>
            <a:ext cx="1524597" cy="727992"/>
          </a:xfrm>
          <a:prstGeom prst="rect">
            <a:avLst/>
          </a:prstGeom>
          <a:noFill/>
        </p:spPr>
        <p:txBody>
          <a:bodyPr wrap="square" rtlCol="0" anchor="t">
            <a:noAutofit/>
          </a:bodyPr>
          <a:lstStyle/>
          <a:p>
            <a:pPr algn="ctr" defTabSz="1088122">
              <a:defRPr/>
            </a:pPr>
            <a:r>
              <a:rPr lang="zh-CN" altLang="en-US" sz="1100" dirty="0">
                <a:solidFill>
                  <a:srgbClr val="000000"/>
                </a:solidFill>
                <a:cs typeface="Arial"/>
              </a:rPr>
              <a:t>如果有误，发送邮件通知申请人核对</a:t>
            </a:r>
            <a:endParaRPr lang="en-US" sz="1100" dirty="0">
              <a:solidFill>
                <a:srgbClr val="000000"/>
              </a:solidFill>
              <a:cs typeface="Arial"/>
            </a:endParaRP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650D5A6D-F06F-40A7-BB52-AE4889B57B33}"/>
              </a:ext>
            </a:extLst>
          </p:cNvPr>
          <p:cNvSpPr txBox="1"/>
          <p:nvPr/>
        </p:nvSpPr>
        <p:spPr>
          <a:xfrm>
            <a:off x="3208137" y="2409847"/>
            <a:ext cx="2162310" cy="612575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algn="ctr" defTabSz="1088122">
              <a:defRPr/>
            </a:pPr>
            <a:r>
              <a:rPr lang="zh-CN" altLang="en-US" sz="1100" dirty="0">
                <a:solidFill>
                  <a:srgbClr val="000000"/>
                </a:solidFill>
                <a:latin typeface="+mn-ea"/>
                <a:cs typeface="Arial" panose="020B0604020202020204" pitchFamily="34" charset="0"/>
              </a:rPr>
              <a:t>机器人读取发票信息</a:t>
            </a:r>
            <a:endParaRPr lang="en-US" sz="1100" dirty="0">
              <a:solidFill>
                <a:srgbClr val="000000"/>
              </a:solidFill>
              <a:latin typeface="+mn-ea"/>
              <a:cs typeface="Arial" panose="020B0604020202020204" pitchFamily="34" charset="0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092C318A-3586-4041-8EC6-5281F12186FC}"/>
              </a:ext>
            </a:extLst>
          </p:cNvPr>
          <p:cNvSpPr txBox="1"/>
          <p:nvPr/>
        </p:nvSpPr>
        <p:spPr>
          <a:xfrm>
            <a:off x="6132648" y="2409259"/>
            <a:ext cx="1967877" cy="393215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algn="ctr" defTabSz="1088122">
              <a:defRPr/>
            </a:pPr>
            <a:r>
              <a:rPr lang="zh-CN" altLang="en-US" sz="110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财务人员确认报销信息，确定后点击确认</a:t>
            </a:r>
            <a:endParaRPr lang="en-US" sz="1100" dirty="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26" name="Picture 25">
            <a:extLst>
              <a:ext uri="{FF2B5EF4-FFF2-40B4-BE49-F238E27FC236}">
                <a16:creationId xmlns:a16="http://schemas.microsoft.com/office/drawing/2014/main" id="{E94BEE31-46CE-46AC-9398-2711523D5BE7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13252" y="1578790"/>
            <a:ext cx="891522" cy="891522"/>
          </a:xfrm>
          <a:prstGeom prst="rect">
            <a:avLst/>
          </a:prstGeom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0E1FD610-A640-4AC3-AF1B-8583C9CEB948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397663" y="3542318"/>
            <a:ext cx="755606" cy="755606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C69F7DDF-D7FC-4A1A-B006-9ADCB5E33A51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445861" y="3516526"/>
            <a:ext cx="791588" cy="791588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ACA90C83-4869-4A2A-B64C-0515673C3FA1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93677" y="3563072"/>
            <a:ext cx="618990" cy="618990"/>
          </a:xfrm>
          <a:prstGeom prst="rect">
            <a:avLst/>
          </a:prstGeom>
        </p:spPr>
      </p:pic>
      <p:sp>
        <p:nvSpPr>
          <p:cNvPr id="32" name="Rectangle 31">
            <a:extLst>
              <a:ext uri="{FF2B5EF4-FFF2-40B4-BE49-F238E27FC236}">
                <a16:creationId xmlns:a16="http://schemas.microsoft.com/office/drawing/2014/main" id="{6A44FA12-D99F-4130-BE58-55FB90039450}"/>
              </a:ext>
            </a:extLst>
          </p:cNvPr>
          <p:cNvSpPr/>
          <p:nvPr/>
        </p:nvSpPr>
        <p:spPr bwMode="gray">
          <a:xfrm>
            <a:off x="2894962" y="3611576"/>
            <a:ext cx="431776" cy="515857"/>
          </a:xfrm>
          <a:prstGeom prst="rect">
            <a:avLst/>
          </a:prstGeom>
          <a:noFill/>
          <a:ln w="3175" algn="ctr">
            <a:solidFill>
              <a:schemeClr val="accent1"/>
            </a:solidFill>
            <a:prstDash val="dash"/>
            <a:miter lim="800000"/>
            <a:headEnd/>
            <a:tailEnd/>
          </a:ln>
        </p:spPr>
        <p:txBody>
          <a:bodyPr lIns="89954" tIns="71962" rIns="89954" bIns="71962" rtlCol="0" anchor="ctr"/>
          <a:lstStyle/>
          <a:p>
            <a:pPr algn="ctr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798" kern="0">
              <a:solidFill>
                <a:srgbClr val="FFFFFF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46788C72-6AEC-4815-B044-5F89005D294B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31944" y="3576045"/>
            <a:ext cx="618990" cy="618990"/>
          </a:xfrm>
          <a:prstGeom prst="rect">
            <a:avLst/>
          </a:prstGeom>
        </p:spPr>
      </p:pic>
      <p:pic>
        <p:nvPicPr>
          <p:cNvPr id="44" name="Picture 43">
            <a:extLst>
              <a:ext uri="{FF2B5EF4-FFF2-40B4-BE49-F238E27FC236}">
                <a16:creationId xmlns:a16="http://schemas.microsoft.com/office/drawing/2014/main" id="{6CED12BB-77EB-4F11-8305-1CCE219CD7F5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669707" y="1506084"/>
            <a:ext cx="953504" cy="953504"/>
          </a:xfrm>
          <a:prstGeom prst="rect">
            <a:avLst/>
          </a:prstGeom>
        </p:spPr>
      </p:pic>
      <p:pic>
        <p:nvPicPr>
          <p:cNvPr id="45" name="Picture 44">
            <a:extLst>
              <a:ext uri="{FF2B5EF4-FFF2-40B4-BE49-F238E27FC236}">
                <a16:creationId xmlns:a16="http://schemas.microsoft.com/office/drawing/2014/main" id="{1CC55234-1CED-459F-8B7D-F987EFA5AE9D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0229576" y="1478085"/>
            <a:ext cx="953504" cy="953504"/>
          </a:xfrm>
          <a:prstGeom prst="rect">
            <a:avLst/>
          </a:prstGeom>
        </p:spPr>
      </p:pic>
      <p:pic>
        <p:nvPicPr>
          <p:cNvPr id="47" name="Picture 46">
            <a:extLst>
              <a:ext uri="{FF2B5EF4-FFF2-40B4-BE49-F238E27FC236}">
                <a16:creationId xmlns:a16="http://schemas.microsoft.com/office/drawing/2014/main" id="{A567218D-0063-4455-9044-E5794EFA4168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07045" y="3579340"/>
            <a:ext cx="645920" cy="645920"/>
          </a:xfrm>
          <a:prstGeom prst="rect">
            <a:avLst/>
          </a:prstGeom>
        </p:spPr>
      </p:pic>
      <p:pic>
        <p:nvPicPr>
          <p:cNvPr id="48" name="!!SCPWM">
            <a:extLst>
              <a:ext uri="{FF2B5EF4-FFF2-40B4-BE49-F238E27FC236}">
                <a16:creationId xmlns:a16="http://schemas.microsoft.com/office/drawing/2014/main" id="{4D21B5C8-0B01-487B-A4E2-327B12068F1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642681" y="1682997"/>
            <a:ext cx="745130" cy="745130"/>
          </a:xfrm>
          <a:prstGeom prst="rect">
            <a:avLst/>
          </a:prstGeom>
        </p:spPr>
      </p:pic>
      <p:pic>
        <p:nvPicPr>
          <p:cNvPr id="49" name="Picture 48">
            <a:extLst>
              <a:ext uri="{FF2B5EF4-FFF2-40B4-BE49-F238E27FC236}">
                <a16:creationId xmlns:a16="http://schemas.microsoft.com/office/drawing/2014/main" id="{5600670C-56C5-453A-A2E2-067909D78BCE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7340546" y="1650990"/>
            <a:ext cx="771529" cy="771529"/>
          </a:xfrm>
          <a:prstGeom prst="rect">
            <a:avLst/>
          </a:prstGeom>
        </p:spPr>
      </p:pic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12CF9696-21CB-43A4-9DE8-C60AA23C1D9C}"/>
              </a:ext>
            </a:extLst>
          </p:cNvPr>
          <p:cNvCxnSpPr>
            <a:cxnSpLocks/>
          </p:cNvCxnSpPr>
          <p:nvPr/>
        </p:nvCxnSpPr>
        <p:spPr>
          <a:xfrm>
            <a:off x="8313630" y="2127741"/>
            <a:ext cx="1885044" cy="0"/>
          </a:xfrm>
          <a:prstGeom prst="straightConnector1">
            <a:avLst/>
          </a:prstGeom>
          <a:ln w="19050">
            <a:solidFill>
              <a:schemeClr val="tx1"/>
            </a:solidFill>
            <a:prstDash val="solid"/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TextBox 50">
            <a:extLst>
              <a:ext uri="{FF2B5EF4-FFF2-40B4-BE49-F238E27FC236}">
                <a16:creationId xmlns:a16="http://schemas.microsoft.com/office/drawing/2014/main" id="{C69B8648-9FCD-478A-B3EB-A2C756FC2C92}"/>
              </a:ext>
            </a:extLst>
          </p:cNvPr>
          <p:cNvSpPr txBox="1"/>
          <p:nvPr/>
        </p:nvSpPr>
        <p:spPr>
          <a:xfrm>
            <a:off x="9664971" y="2422520"/>
            <a:ext cx="1967877" cy="393215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algn="ctr" defTabSz="1088122">
              <a:defRPr/>
            </a:pPr>
            <a:r>
              <a:rPr lang="zh-CN" altLang="en-US" sz="110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机器人发送对账清单到对应入账处理财务人员邮箱</a:t>
            </a:r>
            <a:endParaRPr lang="en-US" sz="1100" dirty="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4" name="Picture 27">
            <a:extLst>
              <a:ext uri="{FF2B5EF4-FFF2-40B4-BE49-F238E27FC236}">
                <a16:creationId xmlns:a16="http://schemas.microsoft.com/office/drawing/2014/main" id="{B341833F-2658-1F10-AA41-614DD2CE1AB2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463852" y="5007842"/>
            <a:ext cx="755606" cy="755606"/>
          </a:xfrm>
          <a:prstGeom prst="rect">
            <a:avLst/>
          </a:prstGeom>
        </p:spPr>
      </p:pic>
      <p:cxnSp>
        <p:nvCxnSpPr>
          <p:cNvPr id="5" name="Straight Arrow Connector 9">
            <a:extLst>
              <a:ext uri="{FF2B5EF4-FFF2-40B4-BE49-F238E27FC236}">
                <a16:creationId xmlns:a16="http://schemas.microsoft.com/office/drawing/2014/main" id="{A6272BB3-E725-61FE-AE21-B583D7612831}"/>
              </a:ext>
            </a:extLst>
          </p:cNvPr>
          <p:cNvCxnSpPr>
            <a:cxnSpLocks/>
            <a:stCxn id="29" idx="2"/>
            <a:endCxn id="4" idx="0"/>
          </p:cNvCxnSpPr>
          <p:nvPr/>
        </p:nvCxnSpPr>
        <p:spPr>
          <a:xfrm>
            <a:off x="7841655" y="4308114"/>
            <a:ext cx="0" cy="699728"/>
          </a:xfrm>
          <a:prstGeom prst="straightConnector1">
            <a:avLst/>
          </a:prstGeom>
          <a:ln w="19050">
            <a:solidFill>
              <a:schemeClr val="tx1"/>
            </a:solidFill>
            <a:prstDash val="solid"/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Box 22">
            <a:extLst>
              <a:ext uri="{FF2B5EF4-FFF2-40B4-BE49-F238E27FC236}">
                <a16:creationId xmlns:a16="http://schemas.microsoft.com/office/drawing/2014/main" id="{8F9E43A8-1314-533F-013A-CFB3EABFF6E5}"/>
              </a:ext>
            </a:extLst>
          </p:cNvPr>
          <p:cNvSpPr txBox="1"/>
          <p:nvPr/>
        </p:nvSpPr>
        <p:spPr>
          <a:xfrm>
            <a:off x="7079356" y="5790406"/>
            <a:ext cx="1524597" cy="727992"/>
          </a:xfrm>
          <a:prstGeom prst="rect">
            <a:avLst/>
          </a:prstGeom>
          <a:noFill/>
        </p:spPr>
        <p:txBody>
          <a:bodyPr wrap="square" rtlCol="0" anchor="t">
            <a:noAutofit/>
          </a:bodyPr>
          <a:lstStyle/>
          <a:p>
            <a:pPr algn="ctr" defTabSz="1088122">
              <a:defRPr/>
            </a:pPr>
            <a:r>
              <a:rPr lang="zh-CN" altLang="en-US" sz="1100" dirty="0">
                <a:solidFill>
                  <a:srgbClr val="000000"/>
                </a:solidFill>
                <a:cs typeface="Arial"/>
              </a:rPr>
              <a:t>如果无误，走审批流程</a:t>
            </a:r>
            <a:endParaRPr lang="en-US" sz="1100" dirty="0">
              <a:solidFill>
                <a:srgbClr val="000000"/>
              </a:solidFill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75236764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3" id="{244C4231-5D95-9F4A-AE02-B0B80A0F7AD1}" vid="{3B51EB13-C3F4-0542-9C5B-BB9E70D74D1B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018F9BE-307E-E249-86FC-D1410EE81C85}">
  <we:reference id="b8d7a30b-109c-4c41-a1df-a6cb639730b5" version="2.0.0.4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OmrOP8d402txjl1Zr787gUA6bTWeMdaxGEF9U5BKD64="},{"name":"SpeakerName","value":"YnPwfaWtJd9yqRikMcavEg=="},{"name":"Email","value":"v35+JSpO6F5yjM5PrFdVwQ=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254569252037619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60051dd4-4ab0-4ee8-8b18-f35976cd7000","elementConfiguration":{"binding":"{{ DataSources.Classification[Form.Classification.Name].Display}}","type":"text","disableUpdates":false}},{"type":"shape","id":"4af8b269-df39-4948-bc4d-6962dac6990c","elementConfiguration":{"image":"{{Form.SAPLogo.LogoWhite}}","type":"image","disableUpdates":false}},{"type":"shape","id":"b4214c69-c47d-456c-9c86-14bcea3eb96f","elementConfiguration":{"image":"{{Form.SAPLogo.SubbrandWhite}}","visibility":"{{IfElse(Equals(Form.SAPLogo.HideSubBrandShape, \"Yes\"), VisibilityType.Hidden, VisibilityType.Visible)}}","type":"image","disableUpdates":false}},{"type":"shape","id":"1573a714-976a-41a4-9794-ee62e1da9514","elementConfiguration":{"binding":"{{DataSources.Classification[Form.Classification.Name].Display}}","type":"text","disableUpdates":false}},{"type":"shape","id":"95c5d1ae-5d3b-4707-bcf7-0ce29d7358ad","elementConfiguration":{"image":"{{Form.SAPLogo.LogoWhite}}","type":"image","disableUpdates":false}},{"type":"shape","id":"584aa5fe-2cb9-472a-8c5e-9aba08263604","elementConfiguration":{"binding":"{{DataSources.Classification[Form.Classification.Name].Display}}","type":"text","disableUpdates":false}},{"type":"shape","id":"ae0aa21f-4fc4-4dbf-9ef1-d8ed11918a45","elementConfiguration":{"image":"{{Form.SAPLogo.SubbrandWhite}}","visibility":"{{IfElse(Equals(Form.SAPLogo.HideSubBrandShape, \"Yes\"), VisibilityType.Hidden, VisibilityType.Visible)}}","type":"image","disableUpdates":false}},{"type":"shape","id":"7100154d-5541-4170-9c29-a1ae2a0f3653","elementConfiguration":{"image":"{{Form.SAPLogo.LogoWhite}}","type":"image","disableUpdates":false}},{"type":"shape","id":"f2b47863-13e5-4c79-b658-d8de896a8d54","elementConfiguration":{"image":"{{Form.SAPLogo.SubbrandWhite}}","visibility":"{{IfElse(Equals(Form.SAPLogo.HideSubBrandShape, \"Yes\"), VisibilityType.Hidden, VisibilityType.Visible)}}","type":"image","disableUpdates":false}},{"type":"shape","id":"20f5b3dd-ae91-43f7-9288-4060badccd4f","elementConfiguration":{"binding":"{{DataSources.Classification[Form.Classification.Name].Display}}","type":"text","disableUpdates":false}},{"type":"shape","id":"b81cd069-e335-4c67-b905-7c8768f52e77","elementConfiguration":{"image":"{{Form.SAPLogo.LogoBlack}}","type":"image","disableUpdates":false}},{"type":"shape","id":"078d39d7-e924-4b8f-8dd3-bf0f6cd0c5eb","elementConfiguration":{"image":"{{Form.SAPLogo.SubbrandBlack}}","visibility":"{{IfElse(Equals(Form.SAPLogo.HideSubBrandShape, \"Yes\"), VisibilityType.Hidden, VisibilityType.Visible)}}","type":"image","disableUpdates":false}},{"type":"shape","id":"45bbbf92-a717-4a11-9a57-3a0bd7abd39b","elementConfiguration":{"binding":"{{DataSources.Classification[Form.Classification.Name].Display}}","type":"text","disableUpdates":false}},{"type":"shape","id":"49d88b83-8a75-4803-832c-c52ce88a13ed","elementConfiguration":{"image":"{{Form.SAPLogo.LogoWhite}}","type":"image","disableUpdates":false}},{"type":"shape","id":"daf73c1c-9e80-4146-8724-3ce9d820bd6b","elementConfiguration":{"image":"{{Form.SAPLogo.SubbrandWhite}}","visibility":"{{IfElse(Equals(Form.SAPLogo.HideSubBrandShape, \"Yes\"), VisibilityType.Hidden, VisibilityType.Visible)}}","type":"image","disableUpdates":false}},{"type":"shape","id":"e7daaa7c-bb38-4432-a906-d867c26a053a","elementConfiguration":{"binding":"{{DataSources.Classification[Form.Classification.Name].Display}}","type":"text","disableUpdates":false}},{"type":"shape","id":"55f92215-fb03-4748-b11b-209a4afad059","elementConfiguration":{"image":"{{Form.SAPLogo.SubbrandWhite}}","visibility":"{{IfElse(Equals(Form.SAPLogo.HideSubBrandShape, \"Yes\"), VisibilityType.Hidden, VisibilityType.Visible)}}","type":"image","disableUpdates":false}},{"type":"shape","id":"7cdf9e23-7dba-4743-9b72-f363ed1f0952","elementConfiguration":{"binding":"{{DataSources.PPTCopyRight[\"Slide 5 copyright\"].CopyrightMessage}}","visibility":"","type":"text","disableUpdates":false}},{"type":"shape","id":"88b65235-d90b-4555-8240-22b9b9a0a54e","elementConfiguration":{"image":"{{Form.SAPLogo.LogoWhite}}","type":"image","disableUpdates":false}},{"type":"shape","id":"61478eb3-fa92-4af3-9e91-9295dbba4814","elementConfiguration":{"binding":"{{DataSources.Classification[Form.Classification.Name].Display}}","type":"text","disableUpdates":false}},{"type":"shape","id":"8647fd8f-7b6c-4db3-a2f2-659318cfec13","elementConfiguration":{"image":"{{Form.SAPLogo.LogoBlack}}","type":"image","disableUpdates":false}},{"type":"shape","id":"6c029823-832a-469d-8203-c4dbdbe6e03d","elementConfiguration":{"image":"{{Form.SAPLogo.SubbrandBlack}}","visibility":"{{IfElse(Equals(Form.SAPLogo.HideSubBrandShape, \"Yes\"), VisibilityType.Hidden, VisibilityType.Visible)}}","type":"image","disableUpdates":false}},{"type":"shape","id":"98579100-1486-4745-a787-f9cf077cec2a","elementConfiguration":{"image":"{{Form.SAPLogo.LogoWhite}}","type":"image","disableUpdates":false}},{"type":"shape","id":"f1b683f5-5a2c-49e6-ae0d-b8c5e1419b3c","elementConfiguration":{"image":"{{Form.SAPLogo.SubbrandWhite}}","visibility":"{{IfElse(Equals(Form.SAPLogo.HideSubBrandShape, \"Yes\"), VisibilityType.Hidden, VisibilityType.Visible)}}","type":"image","disableUpdates":false}},{"type":"shape","id":"aa0dc523-78d9-4d73-97b4-75a6a3102444","elementConfiguration":{"binding":"{{DataSources.Classification[Form.Classification.Name].Display}}","type":"text","disableUpdates":false}},{"type":"shape","id":"1374c5b7-67ed-4269-87f6-7e13c6d6a38f","elementConfiguration":{"binding":"{{StringJoin(\", \", Form.SpeakerName,\"SAP\")}}","type":"text","disableUpdates":false}},{"type":"shape","id":"361c9e4b-42a1-42d5-aab3-41647bbf3e82","elementConfiguration":{"binding":"{{FormatDateTime(Form.Date,\"MMMM dd, yyyy\",\"en-US\")}}","type":"text","disableUpdates":false}},{"type":"shape","id":"c74c0bbd-1310-4002-9d37-e177a49bb585","elementConfiguration":{"binding":"{{StringJoin(\", \", Form.SpeakerName,\"SAP\")}}","type":"text","disableUpdates":false}},{"type":"shape","id":"faf8b5f5-c94e-41d0-81c5-1e14f300bfcb","elementConfiguration":{"binding":"{{FormatDateTime(Form.Date,\"MMMM dd, yyyy\",\"en-US\")}}","type":"text","disableUpdates":false}},{"type":"shape","id":"b4607ade-19f8-4151-88ba-b8b432cf4b18","elementConfiguration":{"binding":"{{StringJoin(\", \", Form.SpeakerName,\"SAP\")}}","type":"text","disableUpdates":false}},{"type":"shape","id":"53caf750-cc78-4917-a98d-367ff8cb48eb","elementConfiguration":{"binding":"{{FormatDateTime(Form.Date,\"MMMM dd, yyyy\",\"en-US\")}}","type":"text","disableUpdates":false}},{"type":"shape","id":"6d4cbeb3-8276-4cc9-a4a3-63add2ede1c3","elementConfiguration":{"binding":"{{StringJoin(\", \", Form.SpeakerName,\"SAP\")}}","type":"text","disableUpdates":false}},{"type":"shape","id":"7646866d-623f-4937-b444-09a8405867ee","elementConfiguration":{"binding":"{{FormatDateTime(Form.Date,\"MMMM dd, yyyy\",\"en-US\")}}","type":"text","disableUpdates":false}},{"type":"shape","id":"0fc52b8c-ba47-47e0-8ec0-45591c283563","elementConfiguration":{"binding":"{{StringJoin(\", \", Form.SpeakerName,\"SAP\")}}","type":"text","disableUpdates":false}},{"type":"shape","id":"adae5255-f3b8-4dd2-ae53-82905afbc884","elementConfiguration":{"binding":"{{FormatDateTime(Form.Date,\"MMMM dd, yyyy\",\"en-US\")}}","type":"text","disableUpdates":false}},{"type":"shape","id":"8ab2a140-3936-4ff5-a349-30b25503caad","elementConfiguration":{"binding":"{{Form.SpeakerName}}","type":"text","disableUpdates":false}},{"type":"shape","id":"9374008f-6299-4497-bdac-7fc3f39f2bdb","elementConfiguration":{"binding":"{{Form.Email}}","type":"text","disableUpdates":false}}],"transformationConfigurations":[],"templateName":"SAP Template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7B1EA8E21CCCDE43BF42522528F21767" ma:contentTypeVersion="15" ma:contentTypeDescription="Create a new document." ma:contentTypeScope="" ma:versionID="accc9cdce682ee39a7e3d5d02e9e6537">
  <xsd:schema xmlns:xsd="http://www.w3.org/2001/XMLSchema" xmlns:xs="http://www.w3.org/2001/XMLSchema" xmlns:p="http://schemas.microsoft.com/office/2006/metadata/properties" xmlns:ns2="dba7087d-9ae7-43d9-9505-ebf100a13e80" xmlns:ns3="e77890a9-2de9-4587-8601-b15c83a232de" targetNamespace="http://schemas.microsoft.com/office/2006/metadata/properties" ma:root="true" ma:fieldsID="2fa67aa9e755e09baa46cd81d392fb6f" ns2:_="" ns3:_="">
    <xsd:import namespace="dba7087d-9ae7-43d9-9505-ebf100a13e80"/>
    <xsd:import namespace="e77890a9-2de9-4587-8601-b15c83a232de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LengthInSeconds" minOccurs="0"/>
                <xsd:element ref="ns3:lcf76f155ced4ddcb4097134ff3c332f" minOccurs="0"/>
                <xsd:element ref="ns2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EnablementType" minOccurs="0"/>
                <xsd:element ref="ns3:Comments" minOccurs="0"/>
                <xsd:element ref="ns3:MediaServiceDateTaken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a7087d-9ae7-43d9-9505-ebf100a13e80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5" nillable="true" ma:displayName="Taxonomy Catch All Column" ma:hidden="true" ma:list="{7541d3b2-3327-4f74-9c05-d46fd8d29380}" ma:internalName="TaxCatchAll" ma:showField="CatchAllData" ma:web="dba7087d-9ae7-43d9-9505-ebf100a13e8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77890a9-2de9-4587-8601-b15c83a232d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LengthInSeconds" ma:index="12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4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EnablementType" ma:index="19" nillable="true" ma:displayName="Enablement Type" ma:format="Dropdown" ma:internalName="EnablementType">
      <xsd:simpleType>
        <xsd:restriction base="dms:Text">
          <xsd:maxLength value="255"/>
        </xsd:restriction>
      </xsd:simpleType>
    </xsd:element>
    <xsd:element name="Comments" ma:index="20" nillable="true" ma:displayName="Comments" ma:format="Dropdown" ma:internalName="Comments">
      <xsd:simpleType>
        <xsd:restriction base="dms:Note">
          <xsd:maxLength value="255"/>
        </xsd:restriction>
      </xsd:simpleType>
    </xsd:element>
    <xsd:element name="MediaServiceDateTaken" ma:index="21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ba7087d-9ae7-43d9-9505-ebf100a13e80" xsi:nil="true"/>
    <lcf76f155ced4ddcb4097134ff3c332f xmlns="e77890a9-2de9-4587-8601-b15c83a232de">
      <Terms xmlns="http://schemas.microsoft.com/office/infopath/2007/PartnerControls"/>
    </lcf76f155ced4ddcb4097134ff3c332f>
    <SharedWithUsers xmlns="dba7087d-9ae7-43d9-9505-ebf100a13e80">
      <UserInfo>
        <DisplayName>Millican, Karla</DisplayName>
        <AccountId>16</AccountId>
        <AccountType/>
      </UserInfo>
      <UserInfo>
        <DisplayName>Robertson-Cawley, Gabrielle</DisplayName>
        <AccountId>211</AccountId>
        <AccountType/>
      </UserInfo>
    </SharedWithUsers>
    <EnablementType xmlns="e77890a9-2de9-4587-8601-b15c83a232de" xsi:nil="true"/>
    <Comments xmlns="e77890a9-2de9-4587-8601-b15c83a232de" xsi:nil="true"/>
  </documentManagement>
</p:properties>
</file>

<file path=customXml/item7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image":"{{Form.SAPLogo.SubbrandWhite}}","visibility":"{{IfElse(Equals(Form.SAPLogo.HideSubBrandShape, \"Yes\"), VisibilityType.Hidden, VisibilityType.Visible)}}","type":"image","disableUpdates":false}},{"type":"shape","elementConfiguration":{"binding":"{{DataSources.PPTCopyRight[\"Slide 5 copyright\"].CopyrightMessage}}","visibility":"","type":"text","disableUpdates":false}},{"type":"shape","elementConfiguration":{"image":"{{Form.SAPLogo.LogoWhite}}","type":"image","disableUpdates":false}}],"slideId":"638253684262043037","enableDocumentContentUpdater":false,"version":"2.0"}]]></TemplafySlideTemplate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TemplateConfiguration><![CDATA[{"slideVersion":1,"isValidatorEnabled":false,"isLocked":false,"elementsMetadata":[],"slideId":"63825456925203761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C49FFC8-2FF3-4057-96F0-3BCD1A4F0351}">
  <ds:schemaRefs/>
</ds:datastoreItem>
</file>

<file path=customXml/itemProps10.xml><?xml version="1.0" encoding="utf-8"?>
<ds:datastoreItem xmlns:ds="http://schemas.openxmlformats.org/officeDocument/2006/customXml" ds:itemID="{5E232631-FDD7-4AF4-803E-80C9136D7C18}">
  <ds:schemaRefs/>
</ds:datastoreItem>
</file>

<file path=customXml/itemProps11.xml><?xml version="1.0" encoding="utf-8"?>
<ds:datastoreItem xmlns:ds="http://schemas.openxmlformats.org/officeDocument/2006/customXml" ds:itemID="{7268485C-C2EB-464F-8330-4024692CA1A5}">
  <ds:schemaRefs/>
</ds:datastoreItem>
</file>

<file path=customXml/itemProps2.xml><?xml version="1.0" encoding="utf-8"?>
<ds:datastoreItem xmlns:ds="http://schemas.openxmlformats.org/officeDocument/2006/customXml" ds:itemID="{1CA9FC3D-68FD-8E43-B476-6A1D46ED39DA}">
  <ds:schemaRefs/>
</ds:datastoreItem>
</file>

<file path=customXml/itemProps3.xml><?xml version="1.0" encoding="utf-8"?>
<ds:datastoreItem xmlns:ds="http://schemas.openxmlformats.org/officeDocument/2006/customXml" ds:itemID="{626BBCBB-1894-4E66-BA48-9E91CE3ACBA0}">
  <ds:schemaRefs/>
</ds:datastoreItem>
</file>

<file path=customXml/itemProps4.xml><?xml version="1.0" encoding="utf-8"?>
<ds:datastoreItem xmlns:ds="http://schemas.openxmlformats.org/officeDocument/2006/customXml" ds:itemID="{CE2CDBDC-675F-405B-A601-BC7A65B4796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ba7087d-9ae7-43d9-9505-ebf100a13e80"/>
    <ds:schemaRef ds:uri="e77890a9-2de9-4587-8601-b15c83a232d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47869D81-24A3-1649-A7BC-E604AE89024C}">
  <ds:schemaRefs/>
</ds:datastoreItem>
</file>

<file path=customXml/itemProps6.xml><?xml version="1.0" encoding="utf-8"?>
<ds:datastoreItem xmlns:ds="http://schemas.openxmlformats.org/officeDocument/2006/customXml" ds:itemID="{C1422F45-04DB-421D-8796-270006657806}">
  <ds:schemaRefs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www.w3.org/XML/1998/namespace"/>
    <ds:schemaRef ds:uri="dba7087d-9ae7-43d9-9505-ebf100a13e80"/>
    <ds:schemaRef ds:uri="http://purl.org/dc/terms/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e77890a9-2de9-4587-8601-b15c83a232de"/>
  </ds:schemaRefs>
</ds:datastoreItem>
</file>

<file path=customXml/itemProps7.xml><?xml version="1.0" encoding="utf-8"?>
<ds:datastoreItem xmlns:ds="http://schemas.openxmlformats.org/officeDocument/2006/customXml" ds:itemID="{3E4381A6-8E2C-574D-B48E-536A53B18F66}">
  <ds:schemaRefs/>
</ds:datastoreItem>
</file>

<file path=customXml/itemProps8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9FC30AA7-9867-9B45-9E14-D443CDF4B7C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AP Template 2023</Template>
  <TotalTime>3758</TotalTime>
  <Words>269</Words>
  <Application>Microsoft Office PowerPoint</Application>
  <PresentationFormat>自定义</PresentationFormat>
  <Paragraphs>25</Paragraphs>
  <Slides>2</Slides>
  <Notes>2</Notes>
  <HiddenSlides>0</HiddenSlides>
  <MMClips>0</MMClips>
  <ScaleCrop>false</ScaleCrop>
  <HeadingPairs>
    <vt:vector size="6" baseType="variant">
      <vt:variant>
        <vt:lpstr>已用的字体</vt:lpstr>
      </vt:variant>
      <vt:variant>
        <vt:i4>7</vt:i4>
      </vt:variant>
      <vt:variant>
        <vt:lpstr>主题</vt:lpstr>
      </vt:variant>
      <vt:variant>
        <vt:i4>1</vt:i4>
      </vt:variant>
      <vt:variant>
        <vt:lpstr>幻灯片标题</vt:lpstr>
      </vt:variant>
      <vt:variant>
        <vt:i4>2</vt:i4>
      </vt:variant>
    </vt:vector>
  </HeadingPairs>
  <TitlesOfParts>
    <vt:vector size="10" baseType="lpstr">
      <vt:lpstr>Arial Unicode MS</vt:lpstr>
      <vt:lpstr>Symbol</vt:lpstr>
      <vt:lpstr>Wingdings</vt:lpstr>
      <vt:lpstr>Wingdings</vt:lpstr>
      <vt:lpstr>Courier New</vt:lpstr>
      <vt:lpstr>Arial Black</vt:lpstr>
      <vt:lpstr>Arial</vt:lpstr>
      <vt:lpstr>SAP Template 2023</vt:lpstr>
      <vt:lpstr>报销发票信息录入潜在业务场景- 纬创资通（中山）有限公司 </vt:lpstr>
      <vt:lpstr>报销发票信息录入业务场景自动化流程图（示例）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Goes Here and Here and Here</dc:title>
  <dc:subject/>
  <dc:creator>Arteaga, Marta</dc:creator>
  <cp:keywords>2023/16:9/white</cp:keywords>
  <dc:description/>
  <cp:lastModifiedBy>Oliver Lin/WZS/Wistron</cp:lastModifiedBy>
  <cp:revision>40</cp:revision>
  <dcterms:created xsi:type="dcterms:W3CDTF">2023-09-25T08:08:32Z</dcterms:created>
  <dcterms:modified xsi:type="dcterms:W3CDTF">2024-06-14T06:09:5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7B1EA8E21CCCDE43BF42522528F21767</vt:lpwstr>
  </property>
  <property fmtid="{D5CDD505-2E9C-101B-9397-08002B2CF9AE}" pid="9" name="TemplafyTimeStamp">
    <vt:lpwstr>2023-07-25T13:29:24</vt:lpwstr>
  </property>
  <property fmtid="{D5CDD505-2E9C-101B-9397-08002B2CF9AE}" pid="10" name="TemplafyTenantId">
    <vt:lpwstr>sap</vt:lpwstr>
  </property>
  <property fmtid="{D5CDD505-2E9C-101B-9397-08002B2CF9AE}" pid="11" name="TemplafyTemplateId">
    <vt:lpwstr>638230160207538091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  <property fmtid="{D5CDD505-2E9C-101B-9397-08002B2CF9AE}" pid="15" name="MediaServiceImageTags">
    <vt:lpwstr/>
  </property>
</Properties>
</file>